
<file path=[Content_Types].xml><?xml version="1.0" encoding="utf-8"?>
<Types xmlns="http://schemas.openxmlformats.org/package/2006/content-types">
  <Default Extension="1jr" ContentType="image/x-emf"/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qao" ContentType="image/x-emf"/>
  <Default Extension="rels" ContentType="application/vnd.openxmlformats-package.relationships+xml"/>
  <Default Extension="xml" ContentType="application/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docProps/app.xml" ContentType="application/vnd.openxmlformats-officedocument.extended-properties+xml"/>
  <Override PartName="/docProps/core.xml" ContentType="application/vnd.openxmlformats-package.core-properties+xml"/>
  <Override PartName="/docProps/custom.xml" ContentType="application/vnd.openxmlformats-officedocument.custom-properties+xml"/>
  <Override PartName="/ppt/changesInfos/changesInfo1.xml" ContentType="application/vnd.ms-powerpoint.changesinfo+xml"/>
  <Override PartName="/ppt/handoutMasters/handoutMaster1.xml" ContentType="application/vnd.openxmlformats-officedocument.presentationml.handoutMaster+xml"/>
  <Override PartName="/ppt/notesMasters/notesMaster1.xml" ContentType="application/vnd.openxmlformats-officedocument.presentationml.notesMaster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revisionInfo.xml" ContentType="application/vnd.ms-powerpoint.revisioninfo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.xml" ContentType="application/vnd.openxmlformats-officedocument.presentationml.slide+xml"/>
  <Override PartName="/ppt/slides/slide30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viewProps.xml" ContentType="application/vnd.openxmlformats-officedocument.presentationml.viewProp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9"/>
  </p:sldMasterIdLst>
  <p:notesMasterIdLst>
    <p:notesMasterId r:id="rId40"/>
  </p:notesMasterIdLst>
  <p:handoutMasterIdLst>
    <p:handoutMasterId r:id="rId41"/>
  </p:handoutMasterIdLst>
  <p:sldIdLst>
    <p:sldId id="261" r:id="rId10"/>
    <p:sldId id="273" r:id="rId11"/>
    <p:sldId id="274" r:id="rId12"/>
    <p:sldId id="280" r:id="rId13"/>
    <p:sldId id="282" r:id="rId14"/>
    <p:sldId id="281" r:id="rId15"/>
    <p:sldId id="275" r:id="rId16"/>
    <p:sldId id="283" r:id="rId17"/>
    <p:sldId id="326" r:id="rId18"/>
    <p:sldId id="699" r:id="rId19"/>
    <p:sldId id="322" r:id="rId20"/>
    <p:sldId id="324" r:id="rId21"/>
    <p:sldId id="696" r:id="rId22"/>
    <p:sldId id="695" r:id="rId23"/>
    <p:sldId id="706" r:id="rId24"/>
    <p:sldId id="286" r:id="rId25"/>
    <p:sldId id="700" r:id="rId26"/>
    <p:sldId id="701" r:id="rId27"/>
    <p:sldId id="316" r:id="rId28"/>
    <p:sldId id="702" r:id="rId29"/>
    <p:sldId id="707" r:id="rId30"/>
    <p:sldId id="294" r:id="rId31"/>
    <p:sldId id="705" r:id="rId32"/>
    <p:sldId id="329" r:id="rId33"/>
    <p:sldId id="330" r:id="rId34"/>
    <p:sldId id="331" r:id="rId35"/>
    <p:sldId id="293" r:id="rId36"/>
    <p:sldId id="310" r:id="rId37"/>
    <p:sldId id="262" r:id="rId38"/>
    <p:sldId id="260" r:id="rId39"/>
  </p:sldIdLst>
  <p:sldSz cx="12188825" cy="6858000"/>
  <p:notesSz cx="6797675" cy="9926638"/>
  <p:embeddedFontLst>
    <p:embeddedFont>
      <p:font typeface="AU Passata" panose="020B0503030502030804" pitchFamily="34" charset="0"/>
      <p:regular r:id="rId42"/>
      <p:bold r:id="rId43"/>
    </p:embeddedFont>
    <p:embeddedFont>
      <p:font typeface="AU Passata Light" panose="020B0303030902030804" pitchFamily="34" charset="0"/>
      <p:regular r:id="rId44"/>
      <p:bold r:id="rId45"/>
    </p:embeddedFont>
    <p:embeddedFont>
      <p:font typeface="AU Peto" panose="040C0B07020602020301" pitchFamily="82" charset="0"/>
      <p:regular r:id="rId46"/>
      <p:bold r:id="rId47"/>
    </p:embeddedFont>
    <p:embeddedFont>
      <p:font typeface="Georgia" panose="02040502050405020303" pitchFamily="18" charset="0"/>
      <p:regular r:id="rId48"/>
      <p:bold r:id="rId49"/>
      <p:italic r:id="rId50"/>
      <p:boldItalic r:id="rId5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4C20973-3716-4622-9F4D-298E1979A3A0}" v="16" dt="2026-05-25T12:30:54.49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7" autoAdjust="0"/>
    <p:restoredTop sz="93457" autoAdjust="0"/>
  </p:normalViewPr>
  <p:slideViewPr>
    <p:cSldViewPr snapToObjects="1" showGuides="1">
      <p:cViewPr varScale="1">
        <p:scale>
          <a:sx n="87" d="100"/>
          <a:sy n="87" d="100"/>
        </p:scale>
        <p:origin x="912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slide" Target="slides/slide30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font" Target="fonts/font1.fntdata"/><Relationship Id="rId47" Type="http://schemas.openxmlformats.org/officeDocument/2006/relationships/font" Target="fonts/font6.fntdata"/><Relationship Id="rId50" Type="http://schemas.openxmlformats.org/officeDocument/2006/relationships/font" Target="fonts/font9.fntdata"/><Relationship Id="rId55" Type="http://schemas.openxmlformats.org/officeDocument/2006/relationships/tableStyles" Target="tableStyle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9" Type="http://schemas.openxmlformats.org/officeDocument/2006/relationships/slide" Target="slides/slide20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notesMaster" Target="notesMasters/notesMaster1.xml"/><Relationship Id="rId45" Type="http://schemas.openxmlformats.org/officeDocument/2006/relationships/font" Target="fonts/font4.fntdata"/><Relationship Id="rId53" Type="http://schemas.openxmlformats.org/officeDocument/2006/relationships/viewProps" Target="viewProps.xml"/><Relationship Id="rId58" Type="http://schemas.openxmlformats.org/officeDocument/2006/relationships/customXml" Target="../customXml/item9.xml"/><Relationship Id="rId5" Type="http://schemas.openxmlformats.org/officeDocument/2006/relationships/customXml" Target="../customXml/item5.xml"/><Relationship Id="rId19" Type="http://schemas.openxmlformats.org/officeDocument/2006/relationships/slide" Target="slides/slide10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font" Target="fonts/font2.fntdata"/><Relationship Id="rId48" Type="http://schemas.openxmlformats.org/officeDocument/2006/relationships/font" Target="fonts/font7.fntdata"/><Relationship Id="rId56" Type="http://schemas.microsoft.com/office/2016/11/relationships/changesInfo" Target="changesInfos/changesInfo1.xml"/><Relationship Id="rId8" Type="http://schemas.openxmlformats.org/officeDocument/2006/relationships/customXml" Target="../customXml/item8.xml"/><Relationship Id="rId51" Type="http://schemas.openxmlformats.org/officeDocument/2006/relationships/font" Target="fonts/font10.fntdata"/><Relationship Id="rId3" Type="http://schemas.openxmlformats.org/officeDocument/2006/relationships/customXml" Target="../customXml/item3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46" Type="http://schemas.openxmlformats.org/officeDocument/2006/relationships/font" Target="fonts/font5.fntdata"/><Relationship Id="rId59" Type="http://schemas.openxmlformats.org/officeDocument/2006/relationships/customXml" Target="../customXml/item10.xml"/><Relationship Id="rId20" Type="http://schemas.openxmlformats.org/officeDocument/2006/relationships/slide" Target="slides/slide11.xml"/><Relationship Id="rId41" Type="http://schemas.openxmlformats.org/officeDocument/2006/relationships/handoutMaster" Target="handoutMasters/handoutMaster1.xml"/><Relationship Id="rId54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49" Type="http://schemas.openxmlformats.org/officeDocument/2006/relationships/font" Target="fonts/font8.fntdata"/><Relationship Id="rId57" Type="http://schemas.microsoft.com/office/2015/10/relationships/revisionInfo" Target="revisionInfo.xml"/><Relationship Id="rId10" Type="http://schemas.openxmlformats.org/officeDocument/2006/relationships/slide" Target="slides/slide1.xml"/><Relationship Id="rId31" Type="http://schemas.openxmlformats.org/officeDocument/2006/relationships/slide" Target="slides/slide22.xml"/><Relationship Id="rId44" Type="http://schemas.openxmlformats.org/officeDocument/2006/relationships/font" Target="fonts/font3.fntdata"/><Relationship Id="rId52" Type="http://schemas.openxmlformats.org/officeDocument/2006/relationships/presProps" Target="presProps.xml"/><Relationship Id="rId60" Type="http://schemas.openxmlformats.org/officeDocument/2006/relationships/customXml" Target="../customXml/item1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Trine Michelle Villumsen" userId="4fd0151a-7d3f-4834-b2e8-de24ac981e10" providerId="ADAL" clId="{5FB3C403-AB04-4E08-AF1D-D49B2C657A3F}"/>
    <pc:docChg chg="undo custSel addSld delSld modSld sldOrd modMainMaster">
      <pc:chgData name="Trine Michelle Villumsen" userId="4fd0151a-7d3f-4834-b2e8-de24ac981e10" providerId="ADAL" clId="{5FB3C403-AB04-4E08-AF1D-D49B2C657A3F}" dt="2026-05-26T12:08:05.119" v="2214" actId="20577"/>
      <pc:docMkLst>
        <pc:docMk/>
      </pc:docMkLst>
      <pc:sldChg chg="del">
        <pc:chgData name="Trine Michelle Villumsen" userId="4fd0151a-7d3f-4834-b2e8-de24ac981e10" providerId="ADAL" clId="{5FB3C403-AB04-4E08-AF1D-D49B2C657A3F}" dt="2026-05-25T12:33:08.903" v="1905" actId="47"/>
        <pc:sldMkLst>
          <pc:docMk/>
          <pc:sldMk cId="3535925220" sldId="258"/>
        </pc:sldMkLst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948320703" sldId="261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948320703" sldId="261"/>
            <ac:spMk id="2" creationId="{00000000-0000-0000-0000-000000000000}"/>
          </ac:spMkLst>
        </pc:spChg>
      </pc:sldChg>
      <pc:sldChg chg="addSp delSp modSp mod modClrScheme chgLayout">
        <pc:chgData name="Trine Michelle Villumsen" userId="4fd0151a-7d3f-4834-b2e8-de24ac981e10" providerId="ADAL" clId="{5FB3C403-AB04-4E08-AF1D-D49B2C657A3F}" dt="2026-05-26T12:08:05.119" v="2214" actId="20577"/>
        <pc:sldMkLst>
          <pc:docMk/>
          <pc:sldMk cId="2813365767" sldId="262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813365767" sldId="262"/>
            <ac:spMk id="3" creationId="{00000000-0000-0000-0000-000000000000}"/>
          </ac:spMkLst>
        </pc:spChg>
        <pc:spChg chg="mod">
          <ac:chgData name="Trine Michelle Villumsen" userId="4fd0151a-7d3f-4834-b2e8-de24ac981e10" providerId="ADAL" clId="{5FB3C403-AB04-4E08-AF1D-D49B2C657A3F}" dt="2026-05-26T12:08:05.119" v="2214" actId="20577"/>
          <ac:spMkLst>
            <pc:docMk/>
            <pc:sldMk cId="2813365767" sldId="262"/>
            <ac:spMk id="5" creationId="{00000000-0000-0000-0000-000000000000}"/>
          </ac:spMkLst>
        </pc:spChg>
        <pc:spChg chg="add del mod">
          <ac:chgData name="Trine Michelle Villumsen" userId="4fd0151a-7d3f-4834-b2e8-de24ac981e10" providerId="ADAL" clId="{5FB3C403-AB04-4E08-AF1D-D49B2C657A3F}" dt="2026-05-25T12:32:56.404" v="1901"/>
          <ac:spMkLst>
            <pc:docMk/>
            <pc:sldMk cId="2813365767" sldId="262"/>
            <ac:spMk id="6" creationId="{B01D0008-0725-FE81-E2BD-209375D8F378}"/>
          </ac:spMkLst>
        </pc:spChg>
        <pc:spChg chg="add del mod">
          <ac:chgData name="Trine Michelle Villumsen" userId="4fd0151a-7d3f-4834-b2e8-de24ac981e10" providerId="ADAL" clId="{5FB3C403-AB04-4E08-AF1D-D49B2C657A3F}" dt="2026-05-25T12:32:56.407" v="1903"/>
          <ac:spMkLst>
            <pc:docMk/>
            <pc:sldMk cId="2813365767" sldId="262"/>
            <ac:spMk id="7" creationId="{A5D0D8D2-3EF3-882D-7B0E-220CBF9353EA}"/>
          </ac:spMkLst>
        </pc:spChg>
        <pc:spChg chg="add 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813365767" sldId="262"/>
            <ac:spMk id="8" creationId="{07835CC0-823F-50EC-3E31-ACE63DFC3991}"/>
          </ac:spMkLst>
        </pc:spChg>
        <pc:picChg chg="add mod">
          <ac:chgData name="Trine Michelle Villumsen" userId="4fd0151a-7d3f-4834-b2e8-de24ac981e10" providerId="ADAL" clId="{5FB3C403-AB04-4E08-AF1D-D49B2C657A3F}" dt="2026-05-25T12:32:20.237" v="1879" actId="26606"/>
          <ac:picMkLst>
            <pc:docMk/>
            <pc:sldMk cId="2813365767" sldId="262"/>
            <ac:picMk id="4" creationId="{92ED0FD2-306D-E840-846F-06FA70F601A3}"/>
          </ac:picMkLst>
        </pc:picChg>
      </pc:sldChg>
      <pc:sldChg chg="del">
        <pc:chgData name="Trine Michelle Villumsen" userId="4fd0151a-7d3f-4834-b2e8-de24ac981e10" providerId="ADAL" clId="{5FB3C403-AB04-4E08-AF1D-D49B2C657A3F}" dt="2026-05-25T12:33:10.513" v="1906" actId="47"/>
        <pc:sldMkLst>
          <pc:docMk/>
          <pc:sldMk cId="1186159921" sldId="264"/>
        </pc:sldMkLst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2766565023" sldId="273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766565023" sldId="273"/>
            <ac:spMk id="2" creationId="{5A5C39E1-8B87-328E-4C3D-23F3CA85F025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766565023" sldId="273"/>
            <ac:spMk id="4" creationId="{9D01B542-AA21-1865-9180-8A564575803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766565023" sldId="273"/>
            <ac:spMk id="5" creationId="{BCA0454A-FAE5-59D8-1158-8158AB12A0B3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766565023" sldId="273"/>
            <ac:spMk id="6" creationId="{AA8CBBC6-FBEC-1AC2-CB79-ECFD3C48F7C9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1272176293" sldId="274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272176293" sldId="274"/>
            <ac:spMk id="2" creationId="{5A5C39E1-8B87-328E-4C3D-23F3CA85F025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272176293" sldId="274"/>
            <ac:spMk id="4" creationId="{9D01B542-AA21-1865-9180-8A564575803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272176293" sldId="274"/>
            <ac:spMk id="5" creationId="{BCA0454A-FAE5-59D8-1158-8158AB12A0B3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272176293" sldId="274"/>
            <ac:spMk id="6" creationId="{AA8CBBC6-FBEC-1AC2-CB79-ECFD3C48F7C9}"/>
          </ac:spMkLst>
        </pc:spChg>
      </pc:sldChg>
      <pc:sldChg chg="modSp add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3623047135" sldId="275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623047135" sldId="275"/>
            <ac:spMk id="2" creationId="{0F1715BB-510C-86AB-DC0E-627704041FBB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623047135" sldId="275"/>
            <ac:spMk id="3" creationId="{9BD8902D-F5BD-7AA1-23E6-E5A38F929F2E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623047135" sldId="275"/>
            <ac:spMk id="4" creationId="{37A1912E-8DF3-3706-81EF-A9D344B74479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4234701489" sldId="280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234701489" sldId="280"/>
            <ac:spMk id="4" creationId="{9EC639AA-903F-7771-550F-433DA213AFC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234701489" sldId="280"/>
            <ac:spMk id="5" creationId="{FCE87F82-6C35-588E-DA01-ACD22DC4D3DB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234701489" sldId="280"/>
            <ac:spMk id="11" creationId="{8199FB4B-116E-C367-5890-0FF7C2EDEFAC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1592398281" sldId="281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92398281" sldId="281"/>
            <ac:spMk id="2" creationId="{95ECE243-1C40-E461-7E74-8B2461B3591C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92398281" sldId="281"/>
            <ac:spMk id="4" creationId="{0E276B7D-7959-AF19-5760-0D1056082AA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92398281" sldId="281"/>
            <ac:spMk id="7" creationId="{AC5A4379-45B9-B846-F0E6-1D8A8384DF43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92398281" sldId="281"/>
            <ac:spMk id="8" creationId="{989E5AE4-C838-8FC5-4E7C-144FDD3F63BB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92398281" sldId="281"/>
            <ac:spMk id="9" creationId="{5ADA64DC-BBC0-0009-9328-386CA6C57B7F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92398281" sldId="281"/>
            <ac:spMk id="10" creationId="{33F5D123-200C-95B7-ED5F-5977D259DC5B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92398281" sldId="281"/>
            <ac:spMk id="11" creationId="{A85A4549-6476-A67E-BFBB-AFEBE9335B71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977887067" sldId="282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977887067" sldId="282"/>
            <ac:spMk id="4" creationId="{0E276B7D-7959-AF19-5760-0D1056082AA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977887067" sldId="282"/>
            <ac:spMk id="5" creationId="{39366794-D1F8-95F2-25C7-67C5079E4A8C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977887067" sldId="282"/>
            <ac:spMk id="7" creationId="{AC5A4379-45B9-B846-F0E6-1D8A8384DF43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977887067" sldId="282"/>
            <ac:spMk id="8" creationId="{989E5AE4-C838-8FC5-4E7C-144FDD3F63BB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977887067" sldId="282"/>
            <ac:spMk id="11" creationId="{A85A4549-6476-A67E-BFBB-AFEBE9335B71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1916715641" sldId="283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916715641" sldId="283"/>
            <ac:spMk id="4" creationId="{F5BD564D-770C-A7EC-20C4-C2845F06C12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916715641" sldId="283"/>
            <ac:spMk id="5" creationId="{2495C922-068F-18C3-8B3F-35DFCA99820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916715641" sldId="283"/>
            <ac:spMk id="6" creationId="{4432A9E3-FB84-AEAF-A679-970B87AB7C1A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4067209846" sldId="286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67209846" sldId="286"/>
            <ac:spMk id="2" creationId="{43553528-D478-A5AE-4ECF-F1D165764329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67209846" sldId="286"/>
            <ac:spMk id="4" creationId="{AA47FC23-B351-248F-D492-630939E9445B}"/>
          </ac:spMkLst>
        </pc:spChg>
      </pc:sldChg>
      <pc:sldChg chg="addSp 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867886797" sldId="293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867886797" sldId="293"/>
            <ac:spMk id="4" creationId="{86DF4B2E-0E12-6424-C4E4-A01232DF5296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867886797" sldId="293"/>
            <ac:spMk id="5" creationId="{AE9A8126-74FD-DDB8-9DCC-712402AA6DA8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867886797" sldId="293"/>
            <ac:spMk id="6" creationId="{1AF0EE2A-164F-6618-DD48-64BD8414CF1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867886797" sldId="293"/>
            <ac:spMk id="8" creationId="{009C86D2-FF02-C0F7-7BE3-936D4641871E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867886797" sldId="293"/>
            <ac:spMk id="9" creationId="{7EB13D41-8ADC-3CE2-7A6E-5D00C795E52F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867886797" sldId="293"/>
            <ac:spMk id="10" creationId="{C41EF953-D7E3-BC7E-1748-977D22896A92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867886797" sldId="293"/>
            <ac:spMk id="11" creationId="{893E464C-2FB3-CE68-A387-3F17F4AD01B3}"/>
          </ac:spMkLst>
        </pc:spChg>
        <pc:cxnChg chg="add mod">
          <ac:chgData name="Trine Michelle Villumsen" userId="4fd0151a-7d3f-4834-b2e8-de24ac981e10" providerId="ADAL" clId="{5FB3C403-AB04-4E08-AF1D-D49B2C657A3F}" dt="2026-05-25T11:50:41.570" v="1521" actId="14100"/>
          <ac:cxnSpMkLst>
            <pc:docMk/>
            <pc:sldMk cId="867886797" sldId="293"/>
            <ac:cxnSpMk id="3" creationId="{695D5706-59CA-2F23-4FD6-9C92E9CFA6E4}"/>
          </ac:cxnSpMkLst>
        </pc:cxnChg>
      </pc:sldChg>
      <pc:sldChg chg="addSp delSp modSp add mod or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483488493" sldId="294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83488493" sldId="294"/>
            <ac:spMk id="2" creationId="{E6A9C4B9-7E9B-326B-8A12-77A152F25CD2}"/>
          </ac:spMkLst>
        </pc:spChg>
        <pc:spChg chg="add 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83488493" sldId="294"/>
            <ac:spMk id="3" creationId="{7C5E9DD7-547C-147A-A93A-1BD11766ECC4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83488493" sldId="294"/>
            <ac:spMk id="4" creationId="{DC4A5F89-2BB6-19F4-26F3-A8D45CAF0817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83488493" sldId="294"/>
            <ac:spMk id="9" creationId="{C6B4A69C-4048-7DDD-C86F-D569356E656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83488493" sldId="294"/>
            <ac:spMk id="10" creationId="{01A9544D-1E51-CA14-888E-CCE4A38211D9}"/>
          </ac:spMkLst>
        </pc:spChg>
        <pc:picChg chg="mod">
          <ac:chgData name="Trine Michelle Villumsen" userId="4fd0151a-7d3f-4834-b2e8-de24ac981e10" providerId="ADAL" clId="{5FB3C403-AB04-4E08-AF1D-D49B2C657A3F}" dt="2026-05-25T11:29:27.398" v="1097" actId="14100"/>
          <ac:picMkLst>
            <pc:docMk/>
            <pc:sldMk cId="483488493" sldId="294"/>
            <ac:picMk id="5" creationId="{967E7D92-656F-DE09-B476-F67E570049EC}"/>
          </ac:picMkLst>
        </pc:picChg>
        <pc:picChg chg="mod">
          <ac:chgData name="Trine Michelle Villumsen" userId="4fd0151a-7d3f-4834-b2e8-de24ac981e10" providerId="ADAL" clId="{5FB3C403-AB04-4E08-AF1D-D49B2C657A3F}" dt="2026-05-25T11:33:52.195" v="1226" actId="1076"/>
          <ac:picMkLst>
            <pc:docMk/>
            <pc:sldMk cId="483488493" sldId="294"/>
            <ac:picMk id="6" creationId="{56D4022C-7CAB-AA2A-9C16-3A6535293CA8}"/>
          </ac:picMkLst>
        </pc:picChg>
        <pc:picChg chg="del">
          <ac:chgData name="Trine Michelle Villumsen" userId="4fd0151a-7d3f-4834-b2e8-de24ac981e10" providerId="ADAL" clId="{5FB3C403-AB04-4E08-AF1D-D49B2C657A3F}" dt="2026-05-25T11:27:26.914" v="1092" actId="478"/>
          <ac:picMkLst>
            <pc:docMk/>
            <pc:sldMk cId="483488493" sldId="294"/>
            <ac:picMk id="7" creationId="{704570F3-2B84-6C8A-0D16-3C3DA3FA0283}"/>
          </ac:picMkLst>
        </pc:picChg>
        <pc:picChg chg="mod">
          <ac:chgData name="Trine Michelle Villumsen" userId="4fd0151a-7d3f-4834-b2e8-de24ac981e10" providerId="ADAL" clId="{5FB3C403-AB04-4E08-AF1D-D49B2C657A3F}" dt="2026-05-25T11:33:47.124" v="1225" actId="1076"/>
          <ac:picMkLst>
            <pc:docMk/>
            <pc:sldMk cId="483488493" sldId="294"/>
            <ac:picMk id="8" creationId="{EB9D5F8C-619D-5C6F-A894-F80E4A814255}"/>
          </ac:picMkLst>
        </pc:picChg>
      </pc:sldChg>
      <pc:sldChg chg="addSp delSp modSp add mod modNotesTx">
        <pc:chgData name="Trine Michelle Villumsen" userId="4fd0151a-7d3f-4834-b2e8-de24ac981e10" providerId="ADAL" clId="{5FB3C403-AB04-4E08-AF1D-D49B2C657A3F}" dt="2026-05-26T12:04:12.616" v="2193" actId="6549"/>
        <pc:sldMkLst>
          <pc:docMk/>
          <pc:sldMk cId="4175305994" sldId="310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175305994" sldId="310"/>
            <ac:spMk id="2" creationId="{B6B4E740-EE72-EA68-B3BF-CCF14E55D6A2}"/>
          </ac:spMkLst>
        </pc:spChg>
        <pc:spChg chg="add 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175305994" sldId="310"/>
            <ac:spMk id="7" creationId="{752E7ACE-E802-E833-E801-F9C19CAD9FA5}"/>
          </ac:spMkLst>
        </pc:spChg>
        <pc:spChg chg="add del mod">
          <ac:chgData name="Trine Michelle Villumsen" userId="4fd0151a-7d3f-4834-b2e8-de24ac981e10" providerId="ADAL" clId="{5FB3C403-AB04-4E08-AF1D-D49B2C657A3F}" dt="2026-05-25T12:24:11.732" v="1826" actId="22"/>
          <ac:spMkLst>
            <pc:docMk/>
            <pc:sldMk cId="4175305994" sldId="310"/>
            <ac:spMk id="10" creationId="{BFD58BF3-4B79-9ED5-2B1E-19DEFA075D0B}"/>
          </ac:spMkLst>
        </pc:spChg>
        <pc:spChg chg="add 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175305994" sldId="310"/>
            <ac:spMk id="15" creationId="{76877612-4C72-5AEF-96AD-19F7E9BDE141}"/>
          </ac:spMkLst>
        </pc:spChg>
        <pc:spChg chg="add 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175305994" sldId="310"/>
            <ac:spMk id="16" creationId="{016D028C-1F7E-60AD-66AD-FFBB0F391B19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175305994" sldId="310"/>
            <ac:spMk id="21" creationId="{5911C1AE-9A12-0685-771A-8D46496DF31E}"/>
          </ac:spMkLst>
        </pc:spChg>
        <pc:picChg chg="add del mod">
          <ac:chgData name="Trine Michelle Villumsen" userId="4fd0151a-7d3f-4834-b2e8-de24ac981e10" providerId="ADAL" clId="{5FB3C403-AB04-4E08-AF1D-D49B2C657A3F}" dt="2026-05-25T12:18:09.759" v="1808" actId="478"/>
          <ac:picMkLst>
            <pc:docMk/>
            <pc:sldMk cId="4175305994" sldId="310"/>
            <ac:picMk id="4" creationId="{E8CA1E39-DC81-E3DA-E489-EA7DDA965CBF}"/>
          </ac:picMkLst>
        </pc:picChg>
        <pc:picChg chg="add mod">
          <ac:chgData name="Trine Michelle Villumsen" userId="4fd0151a-7d3f-4834-b2e8-de24ac981e10" providerId="ADAL" clId="{5FB3C403-AB04-4E08-AF1D-D49B2C657A3F}" dt="2026-05-25T12:26:42.176" v="1842" actId="1076"/>
          <ac:picMkLst>
            <pc:docMk/>
            <pc:sldMk cId="4175305994" sldId="310"/>
            <ac:picMk id="6" creationId="{5E12C448-C986-815B-9AEC-7A38060CBDEF}"/>
          </ac:picMkLst>
        </pc:picChg>
        <pc:picChg chg="mod">
          <ac:chgData name="Trine Michelle Villumsen" userId="4fd0151a-7d3f-4834-b2e8-de24ac981e10" providerId="ADAL" clId="{5FB3C403-AB04-4E08-AF1D-D49B2C657A3F}" dt="2026-05-25T12:26:49.408" v="1844" actId="1076"/>
          <ac:picMkLst>
            <pc:docMk/>
            <pc:sldMk cId="4175305994" sldId="310"/>
            <ac:picMk id="8" creationId="{95454429-C71C-0F1B-B5BF-BF84F2A73318}"/>
          </ac:picMkLst>
        </pc:picChg>
        <pc:picChg chg="add mod ord modCrop">
          <ac:chgData name="Trine Michelle Villumsen" userId="4fd0151a-7d3f-4834-b2e8-de24ac981e10" providerId="ADAL" clId="{5FB3C403-AB04-4E08-AF1D-D49B2C657A3F}" dt="2026-05-25T12:27:30.458" v="1848" actId="14100"/>
          <ac:picMkLst>
            <pc:docMk/>
            <pc:sldMk cId="4175305994" sldId="310"/>
            <ac:picMk id="12" creationId="{9B3B6613-1ABB-54AA-D8CE-DA5A695636E4}"/>
          </ac:picMkLst>
        </pc:picChg>
        <pc:picChg chg="add mod">
          <ac:chgData name="Trine Michelle Villumsen" userId="4fd0151a-7d3f-4834-b2e8-de24ac981e10" providerId="ADAL" clId="{5FB3C403-AB04-4E08-AF1D-D49B2C657A3F}" dt="2026-05-25T12:27:55.736" v="1854" actId="1037"/>
          <ac:picMkLst>
            <pc:docMk/>
            <pc:sldMk cId="4175305994" sldId="310"/>
            <ac:picMk id="14" creationId="{CC2DD6C8-47C4-40D3-4AAB-FD6618507AC5}"/>
          </ac:picMkLst>
        </pc:picChg>
        <pc:picChg chg="add mod">
          <ac:chgData name="Trine Michelle Villumsen" userId="4fd0151a-7d3f-4834-b2e8-de24ac981e10" providerId="ADAL" clId="{5FB3C403-AB04-4E08-AF1D-D49B2C657A3F}" dt="2026-05-25T12:29:27.380" v="1864"/>
          <ac:picMkLst>
            <pc:docMk/>
            <pc:sldMk cId="4175305994" sldId="310"/>
            <ac:picMk id="17" creationId="{69F76F0C-7208-02B8-C6F8-20D07C5DBF6C}"/>
          </ac:picMkLst>
        </pc:picChg>
        <pc:picChg chg="del mod">
          <ac:chgData name="Trine Michelle Villumsen" userId="4fd0151a-7d3f-4834-b2e8-de24ac981e10" providerId="ADAL" clId="{5FB3C403-AB04-4E08-AF1D-D49B2C657A3F}" dt="2026-05-25T12:24:09.568" v="1825" actId="478"/>
          <ac:picMkLst>
            <pc:docMk/>
            <pc:sldMk cId="4175305994" sldId="310"/>
            <ac:picMk id="20" creationId="{F1847EF0-CACC-05CE-80BD-A853498A5ABF}"/>
          </ac:picMkLst>
        </pc:picChg>
        <pc:picChg chg="del mod">
          <ac:chgData name="Trine Michelle Villumsen" userId="4fd0151a-7d3f-4834-b2e8-de24ac981e10" providerId="ADAL" clId="{5FB3C403-AB04-4E08-AF1D-D49B2C657A3F}" dt="2026-05-25T12:20:35.388" v="1820" actId="478"/>
          <ac:picMkLst>
            <pc:docMk/>
            <pc:sldMk cId="4175305994" sldId="310"/>
            <ac:picMk id="25" creationId="{1ADF0F88-00E9-29FC-55E9-447BA620D54C}"/>
          </ac:picMkLst>
        </pc:picChg>
        <pc:picChg chg="del mod">
          <ac:chgData name="Trine Michelle Villumsen" userId="4fd0151a-7d3f-4834-b2e8-de24ac981e10" providerId="ADAL" clId="{5FB3C403-AB04-4E08-AF1D-D49B2C657A3F}" dt="2026-05-25T12:21:03.980" v="1824" actId="478"/>
          <ac:picMkLst>
            <pc:docMk/>
            <pc:sldMk cId="4175305994" sldId="310"/>
            <ac:picMk id="27" creationId="{4D982B21-B51D-7206-498E-2F10F9078AE0}"/>
          </ac:picMkLst>
        </pc:picChg>
      </pc:sldChg>
      <pc:sldChg chg="modSp mod modNotesTx">
        <pc:chgData name="Trine Michelle Villumsen" userId="4fd0151a-7d3f-4834-b2e8-de24ac981e10" providerId="ADAL" clId="{5FB3C403-AB04-4E08-AF1D-D49B2C657A3F}" dt="2026-05-26T11:34:54.877" v="2062" actId="20577"/>
        <pc:sldMkLst>
          <pc:docMk/>
          <pc:sldMk cId="2896857644" sldId="316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896857644" sldId="316"/>
            <ac:spMk id="2" creationId="{36DB12DA-916E-BCBF-F4F0-E21FF2A98CBD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896857644" sldId="316"/>
            <ac:spMk id="4" creationId="{D90BA169-44C3-51B8-9AA0-DA2834BEA3CC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896857644" sldId="316"/>
            <ac:spMk id="7" creationId="{71B9DE82-8249-CAF4-1141-AE79A079C616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896857644" sldId="316"/>
            <ac:spMk id="10" creationId="{2AA4CD69-18D3-6299-E0F6-15379E0C8E48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896857644" sldId="316"/>
            <ac:spMk id="22" creationId="{51BD88C6-00FA-9DE4-34CB-C63097CDA108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3975483029" sldId="322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975483029" sldId="322"/>
            <ac:spMk id="2" creationId="{C25023BC-CC7C-CFB7-FD81-3565405A7EA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975483029" sldId="322"/>
            <ac:spMk id="3" creationId="{8D86C876-34FD-386A-4230-C2A1DFA186C5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975483029" sldId="322"/>
            <ac:spMk id="4" creationId="{B69FA95B-C1EE-24D5-C521-A0F967413685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975483029" sldId="322"/>
            <ac:spMk id="7" creationId="{FB25C9A5-ECE6-E8B6-F0B0-3DAA672D7C87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918049328" sldId="324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918049328" sldId="324"/>
            <ac:spMk id="2" creationId="{C25023BC-CC7C-CFB7-FD81-3565405A7EA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918049328" sldId="324"/>
            <ac:spMk id="3" creationId="{8D86C876-34FD-386A-4230-C2A1DFA186C5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918049328" sldId="324"/>
            <ac:spMk id="4" creationId="{B69FA95B-C1EE-24D5-C521-A0F967413685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918049328" sldId="324"/>
            <ac:spMk id="5" creationId="{01B63756-DB6C-519E-301A-99EC9E2FDD85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2595929324" sldId="326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595929324" sldId="326"/>
            <ac:spMk id="2" creationId="{A3C9D98D-2F99-5A10-F106-E4F6525503E3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595929324" sldId="326"/>
            <ac:spMk id="4" creationId="{239C9B52-9772-C3FA-9AEA-E744F38BE966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4030939821" sldId="329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30939821" sldId="329"/>
            <ac:spMk id="4" creationId="{0FDFA9BA-38F5-25B1-532E-81656C3DB965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30939821" sldId="329"/>
            <ac:spMk id="6" creationId="{33E5FBB5-CAFB-B424-D4B0-D22C5698F864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30939821" sldId="329"/>
            <ac:spMk id="8" creationId="{12BD1B88-BE80-65C6-C3B4-37F163F12AF6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30939821" sldId="329"/>
            <ac:spMk id="9" creationId="{EB618A37-03C5-7504-49A5-583BE3A9352E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30939821" sldId="329"/>
            <ac:spMk id="10" creationId="{A3EB889D-D05F-5E04-93D3-8DA2927B3A0C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30939821" sldId="329"/>
            <ac:spMk id="11" creationId="{92CC3090-B158-A73A-308C-524B91D24B3C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30939821" sldId="329"/>
            <ac:spMk id="12" creationId="{9904E9E6-1D6B-A07E-8E76-C72F1DCA9888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30939821" sldId="329"/>
            <ac:spMk id="13" creationId="{B4C9E8A2-1065-F380-4D3A-BFF70F9FC934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30939821" sldId="329"/>
            <ac:spMk id="14" creationId="{B648D747-8264-2508-AC8F-B71FC720CFCC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4030939821" sldId="329"/>
            <ac:spMk id="15" creationId="{B39AFFE1-3D5C-2AEA-70D3-2B0D80A809BD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154214489" sldId="330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4214489" sldId="330"/>
            <ac:spMk id="4" creationId="{A630AE50-84E0-55C4-DEEC-0023B26B2B22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4214489" sldId="330"/>
            <ac:spMk id="5" creationId="{594D29AF-4949-4EB3-4D6F-C7CB2A0DE201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4214489" sldId="330"/>
            <ac:spMk id="6" creationId="{ED8DF56F-A30B-3AC5-AFCE-9747287F168E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4214489" sldId="330"/>
            <ac:spMk id="8" creationId="{A7645F99-57C2-0C27-0A8A-E2849BA673FD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4214489" sldId="330"/>
            <ac:spMk id="9" creationId="{6B0E0022-8995-8520-1810-C6012C1A9A73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4214489" sldId="330"/>
            <ac:spMk id="10" creationId="{29DF538D-3839-9EC0-F311-66B935E19C27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54214489" sldId="330"/>
            <ac:spMk id="11" creationId="{F7DB4DC1-FF41-43DF-EB27-895FCAE6C5A5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3746153561" sldId="331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746153561" sldId="331"/>
            <ac:spMk id="4" creationId="{86DF4B2E-0E12-6424-C4E4-A01232DF5296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746153561" sldId="331"/>
            <ac:spMk id="5" creationId="{AE9A8126-74FD-DDB8-9DCC-712402AA6DA8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746153561" sldId="331"/>
            <ac:spMk id="6" creationId="{1AF0EE2A-164F-6618-DD48-64BD8414CF1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746153561" sldId="331"/>
            <ac:spMk id="8" creationId="{009C86D2-FF02-C0F7-7BE3-936D4641871E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746153561" sldId="331"/>
            <ac:spMk id="9" creationId="{7EB13D41-8ADC-3CE2-7A6E-5D00C795E52F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746153561" sldId="331"/>
            <ac:spMk id="10" creationId="{C41EF953-D7E3-BC7E-1748-977D22896A92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746153561" sldId="331"/>
            <ac:spMk id="11" creationId="{893E464C-2FB3-CE68-A387-3F17F4AD01B3}"/>
          </ac:spMkLst>
        </pc:spChg>
      </pc:sldChg>
      <pc:sldChg chg="modSp del mod">
        <pc:chgData name="Trine Michelle Villumsen" userId="4fd0151a-7d3f-4834-b2e8-de24ac981e10" providerId="ADAL" clId="{5FB3C403-AB04-4E08-AF1D-D49B2C657A3F}" dt="2026-05-25T12:29:34.926" v="1865" actId="47"/>
        <pc:sldMkLst>
          <pc:docMk/>
          <pc:sldMk cId="3675030283" sldId="340"/>
        </pc:sldMkLst>
        <pc:spChg chg="mod">
          <ac:chgData name="Trine Michelle Villumsen" userId="4fd0151a-7d3f-4834-b2e8-de24ac981e10" providerId="ADAL" clId="{5FB3C403-AB04-4E08-AF1D-D49B2C657A3F}" dt="2026-05-25T11:52:56.827" v="1594" actId="20577"/>
          <ac:spMkLst>
            <pc:docMk/>
            <pc:sldMk cId="3675030283" sldId="340"/>
            <ac:spMk id="2" creationId="{CC8A3BB7-4C0F-29F5-F848-AB9DED13158F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2775880226" sldId="695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775880226" sldId="695"/>
            <ac:spMk id="2" creationId="{C99D2F0C-8E9D-1974-BCD2-6FE9F056EF5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775880226" sldId="695"/>
            <ac:spMk id="3" creationId="{6D9F2502-D40D-C85C-34CF-0ABDE4E00117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775880226" sldId="695"/>
            <ac:spMk id="4" creationId="{1FBF65EF-6657-7C03-7653-E1A98B228446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2780724712" sldId="696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780724712" sldId="696"/>
            <ac:spMk id="2" creationId="{BD3E4162-9C55-72C8-D172-C7C566383A3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780724712" sldId="696"/>
            <ac:spMk id="3" creationId="{A29CA3D8-C022-2F79-FB88-6FC4B4BF88E1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780724712" sldId="696"/>
            <ac:spMk id="4" creationId="{629B64BC-2FA2-67FE-A75E-7E26A63D9BDF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2780724712" sldId="696"/>
            <ac:spMk id="5" creationId="{8DA61577-4D0A-CC28-1F27-C4C25A37E47E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1767817875" sldId="699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767817875" sldId="699"/>
            <ac:spMk id="2" creationId="{3C8E8078-AC3A-294E-FB83-4763B2426364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767817875" sldId="699"/>
            <ac:spMk id="3" creationId="{7AD03405-EF68-B46B-CE3F-D600E7FEEA81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767817875" sldId="699"/>
            <ac:spMk id="4" creationId="{8FDEFEA6-F6A4-D504-8FC0-6D428DF954BC}"/>
          </ac:spMkLst>
        </pc:spChg>
      </pc:sldChg>
      <pc:sldChg chg="modSp mod modNotesTx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3225318389" sldId="700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225318389" sldId="700"/>
            <ac:spMk id="2" creationId="{CA3551E5-F004-882C-96B3-B6FDBAEEC06F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225318389" sldId="700"/>
            <ac:spMk id="3" creationId="{28258352-F4EB-360B-97C5-2603C6049AD3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225318389" sldId="700"/>
            <ac:spMk id="4" creationId="{00B261D1-EF7D-3006-5818-AA74D29DD4E5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225318389" sldId="700"/>
            <ac:spMk id="5" creationId="{096AA9FE-E854-D8D3-51FF-F51D75A3B794}"/>
          </ac:spMkLst>
        </pc:spChg>
      </pc:sldChg>
      <pc:sldChg chg="addSp delSp 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3889275849" sldId="701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889275849" sldId="701"/>
            <ac:spMk id="2" creationId="{8FE6DA0E-975E-4B4C-BAE3-12E68056F4A7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889275849" sldId="701"/>
            <ac:spMk id="3" creationId="{49C32E35-6A35-2CC9-65E5-6D07EB8A1760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889275849" sldId="701"/>
            <ac:spMk id="4" creationId="{74EC26BA-B46D-598F-44E2-61C87E648B01}"/>
          </ac:spMkLst>
        </pc:spChg>
        <pc:spChg chg="add del mod">
          <ac:chgData name="Trine Michelle Villumsen" userId="4fd0151a-7d3f-4834-b2e8-de24ac981e10" providerId="ADAL" clId="{5FB3C403-AB04-4E08-AF1D-D49B2C657A3F}" dt="2026-05-25T10:55:21.118" v="230" actId="478"/>
          <ac:spMkLst>
            <pc:docMk/>
            <pc:sldMk cId="3889275849" sldId="701"/>
            <ac:spMk id="5" creationId="{613C9212-6683-32CE-2A5C-A5B2F38670C0}"/>
          </ac:spMkLst>
        </pc:spChg>
        <pc:spChg chg="add del mod">
          <ac:chgData name="Trine Michelle Villumsen" userId="4fd0151a-7d3f-4834-b2e8-de24ac981e10" providerId="ADAL" clId="{5FB3C403-AB04-4E08-AF1D-D49B2C657A3F}" dt="2026-05-25T10:55:13.563" v="229" actId="478"/>
          <ac:spMkLst>
            <pc:docMk/>
            <pc:sldMk cId="3889275849" sldId="701"/>
            <ac:spMk id="7" creationId="{417ED9CB-163D-9F5D-D318-90B2624B4931}"/>
          </ac:spMkLst>
        </pc:spChg>
        <pc:spChg chg="add del mod">
          <ac:chgData name="Trine Michelle Villumsen" userId="4fd0151a-7d3f-4834-b2e8-de24ac981e10" providerId="ADAL" clId="{5FB3C403-AB04-4E08-AF1D-D49B2C657A3F}" dt="2026-05-25T10:55:23.922" v="231" actId="478"/>
          <ac:spMkLst>
            <pc:docMk/>
            <pc:sldMk cId="3889275849" sldId="701"/>
            <ac:spMk id="8" creationId="{EE70D348-715E-C2D5-A22E-0107A4C8A811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889275849" sldId="701"/>
            <ac:spMk id="15" creationId="{1EF37790-468A-CDF8-B9E8-91596FE31C46}"/>
          </ac:spMkLst>
        </pc:spChg>
        <pc:picChg chg="mod">
          <ac:chgData name="Trine Michelle Villumsen" userId="4fd0151a-7d3f-4834-b2e8-de24ac981e10" providerId="ADAL" clId="{5FB3C403-AB04-4E08-AF1D-D49B2C657A3F}" dt="2026-05-25T10:50:34.757" v="127" actId="1076"/>
          <ac:picMkLst>
            <pc:docMk/>
            <pc:sldMk cId="3889275849" sldId="701"/>
            <ac:picMk id="6" creationId="{CB9F5885-D89B-5D64-0FA1-2D9F0C9CEEF5}"/>
          </ac:picMkLst>
        </pc:picChg>
      </pc:sldChg>
      <pc:sldChg chg="modSp mod modNotesTx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3453186990" sldId="702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453186990" sldId="702"/>
            <ac:spMk id="2" creationId="{6C109A08-FC8F-516A-454B-556B4E030BB0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453186990" sldId="702"/>
            <ac:spMk id="3" creationId="{7C1FAC2E-8E61-3273-BB02-3F6A452CE37F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453186990" sldId="702"/>
            <ac:spMk id="4" creationId="{466808D2-43B7-BB8B-7C6F-B0FD1F2ADF80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3453186990" sldId="702"/>
            <ac:spMk id="5" creationId="{831274E2-4C74-C2F7-9163-AAEB86648678}"/>
          </ac:spMkLst>
        </pc:spChg>
      </pc:sldChg>
      <pc:sldChg chg="modSp mod or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1603232103" sldId="705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603232103" sldId="705"/>
            <ac:spMk id="2" creationId="{0EB2A9F0-2CDA-9793-705C-0C0CEF442538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603232103" sldId="705"/>
            <ac:spMk id="3" creationId="{BB7BB6E4-0CE0-510C-AD66-88A65A29D229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603232103" sldId="705"/>
            <ac:spMk id="4" creationId="{D0277A29-B4C4-EF9D-838C-79297B0681FD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603232103" sldId="705"/>
            <ac:spMk id="5" creationId="{109CEA98-1F87-9F93-D349-823295CF537E}"/>
          </ac:spMkLst>
        </pc:spChg>
      </pc:sldChg>
      <pc:sldChg chg="modSp mod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1250724772" sldId="706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250724772" sldId="706"/>
            <ac:spMk id="2" creationId="{595A1247-9988-88DC-F0F2-CD9B93CF0862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250724772" sldId="706"/>
            <ac:spMk id="3" creationId="{D2C2132F-556C-DE75-88C0-1F074D526746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250724772" sldId="706"/>
            <ac:spMk id="4" creationId="{D8B33FEB-9BC3-8F27-4D94-5A8E1C86868D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1250724772" sldId="706"/>
            <ac:spMk id="5" creationId="{D5FAB2D4-B63B-0227-B16D-A92114CAE873}"/>
          </ac:spMkLst>
        </pc:spChg>
      </pc:sldChg>
      <pc:sldChg chg="addSp delSp modSp new mod ord modNotesTx">
        <pc:chgData name="Trine Michelle Villumsen" userId="4fd0151a-7d3f-4834-b2e8-de24ac981e10" providerId="ADAL" clId="{5FB3C403-AB04-4E08-AF1D-D49B2C657A3F}" dt="2026-05-26T11:32:56.764" v="2026" actId="790"/>
        <pc:sldMkLst>
          <pc:docMk/>
          <pc:sldMk cId="533313981" sldId="707"/>
        </pc:sldMkLst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533313981" sldId="707"/>
            <ac:spMk id="2" creationId="{24E3B773-6797-57E6-A514-9D59E01AE55A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533313981" sldId="707"/>
            <ac:spMk id="3" creationId="{27DC2239-D542-C18C-F979-8E1D878129A8}"/>
          </ac:spMkLst>
        </pc:spChg>
        <pc:spChg chg="mod">
          <ac:chgData name="Trine Michelle Villumsen" userId="4fd0151a-7d3f-4834-b2e8-de24ac981e10" providerId="ADAL" clId="{5FB3C403-AB04-4E08-AF1D-D49B2C657A3F}" dt="2026-05-26T11:32:56.764" v="2026" actId="790"/>
          <ac:spMkLst>
            <pc:docMk/>
            <pc:sldMk cId="533313981" sldId="707"/>
            <ac:spMk id="4" creationId="{FC076A2C-AF8C-AB2B-EE19-C4AF70366AB7}"/>
          </ac:spMkLst>
        </pc:spChg>
        <pc:picChg chg="add del mod modCrop">
          <ac:chgData name="Trine Michelle Villumsen" userId="4fd0151a-7d3f-4834-b2e8-de24ac981e10" providerId="ADAL" clId="{5FB3C403-AB04-4E08-AF1D-D49B2C657A3F}" dt="2026-05-25T11:23:38.029" v="934" actId="478"/>
          <ac:picMkLst>
            <pc:docMk/>
            <pc:sldMk cId="533313981" sldId="707"/>
            <ac:picMk id="6" creationId="{D88AC20A-DEF7-77A1-FA36-172A1A460AC7}"/>
          </ac:picMkLst>
        </pc:picChg>
        <pc:picChg chg="add mod">
          <ac:chgData name="Trine Michelle Villumsen" userId="4fd0151a-7d3f-4834-b2e8-de24ac981e10" providerId="ADAL" clId="{5FB3C403-AB04-4E08-AF1D-D49B2C657A3F}" dt="2026-05-25T11:23:42.788" v="936" actId="1076"/>
          <ac:picMkLst>
            <pc:docMk/>
            <pc:sldMk cId="533313981" sldId="707"/>
            <ac:picMk id="8" creationId="{BA315D20-701C-D3AF-3EE0-507B9AFECCB3}"/>
          </ac:picMkLst>
        </pc:picChg>
      </pc:sldChg>
      <pc:sldChg chg="addSp modSp new del mod modNotesTx">
        <pc:chgData name="Trine Michelle Villumsen" userId="4fd0151a-7d3f-4834-b2e8-de24ac981e10" providerId="ADAL" clId="{5FB3C403-AB04-4E08-AF1D-D49B2C657A3F}" dt="2026-05-25T12:29:39.680" v="1866" actId="47"/>
        <pc:sldMkLst>
          <pc:docMk/>
          <pc:sldMk cId="609997599" sldId="708"/>
        </pc:sldMkLst>
        <pc:spChg chg="mod">
          <ac:chgData name="Trine Michelle Villumsen" userId="4fd0151a-7d3f-4834-b2e8-de24ac981e10" providerId="ADAL" clId="{5FB3C403-AB04-4E08-AF1D-D49B2C657A3F}" dt="2026-05-25T11:55:40.860" v="1697" actId="6549"/>
          <ac:spMkLst>
            <pc:docMk/>
            <pc:sldMk cId="609997599" sldId="708"/>
            <ac:spMk id="2" creationId="{1E08EB77-8CB9-7AB7-41AF-9CFA7080D754}"/>
          </ac:spMkLst>
        </pc:spChg>
        <pc:spChg chg="add mod">
          <ac:chgData name="Trine Michelle Villumsen" userId="4fd0151a-7d3f-4834-b2e8-de24ac981e10" providerId="ADAL" clId="{5FB3C403-AB04-4E08-AF1D-D49B2C657A3F}" dt="2026-05-25T11:54:04.650" v="1599" actId="1076"/>
          <ac:spMkLst>
            <pc:docMk/>
            <pc:sldMk cId="609997599" sldId="708"/>
            <ac:spMk id="13" creationId="{BBFD8940-FE48-E862-1AAE-0B68ABFDF719}"/>
          </ac:spMkLst>
        </pc:spChg>
        <pc:spChg chg="add mod">
          <ac:chgData name="Trine Michelle Villumsen" userId="4fd0151a-7d3f-4834-b2e8-de24ac981e10" providerId="ADAL" clId="{5FB3C403-AB04-4E08-AF1D-D49B2C657A3F}" dt="2026-05-25T11:54:04.650" v="1599" actId="1076"/>
          <ac:spMkLst>
            <pc:docMk/>
            <pc:sldMk cId="609997599" sldId="708"/>
            <ac:spMk id="16" creationId="{EA918D12-80F9-BAD4-3827-A0BD08F5F3EE}"/>
          </ac:spMkLst>
        </pc:spChg>
        <pc:spChg chg="add mod">
          <ac:chgData name="Trine Michelle Villumsen" userId="4fd0151a-7d3f-4834-b2e8-de24ac981e10" providerId="ADAL" clId="{5FB3C403-AB04-4E08-AF1D-D49B2C657A3F}" dt="2026-05-25T11:54:04.650" v="1599" actId="1076"/>
          <ac:spMkLst>
            <pc:docMk/>
            <pc:sldMk cId="609997599" sldId="708"/>
            <ac:spMk id="17" creationId="{CAC94BBF-7D8A-06F5-104B-04FF2902DFC2}"/>
          </ac:spMkLst>
        </pc:spChg>
        <pc:spChg chg="add mod">
          <ac:chgData name="Trine Michelle Villumsen" userId="4fd0151a-7d3f-4834-b2e8-de24ac981e10" providerId="ADAL" clId="{5FB3C403-AB04-4E08-AF1D-D49B2C657A3F}" dt="2026-05-25T11:54:04.650" v="1599" actId="1076"/>
          <ac:spMkLst>
            <pc:docMk/>
            <pc:sldMk cId="609997599" sldId="708"/>
            <ac:spMk id="18" creationId="{723B61C8-F933-2443-CC3B-A364E92F7533}"/>
          </ac:spMkLst>
        </pc:spChg>
        <pc:spChg chg="add mod">
          <ac:chgData name="Trine Michelle Villumsen" userId="4fd0151a-7d3f-4834-b2e8-de24ac981e10" providerId="ADAL" clId="{5FB3C403-AB04-4E08-AF1D-D49B2C657A3F}" dt="2026-05-25T11:54:04.650" v="1599" actId="1076"/>
          <ac:spMkLst>
            <pc:docMk/>
            <pc:sldMk cId="609997599" sldId="708"/>
            <ac:spMk id="19" creationId="{90A2C576-C651-BAD8-2734-4B55581BC9B7}"/>
          </ac:spMkLst>
        </pc:spChg>
        <pc:spChg chg="add mod">
          <ac:chgData name="Trine Michelle Villumsen" userId="4fd0151a-7d3f-4834-b2e8-de24ac981e10" providerId="ADAL" clId="{5FB3C403-AB04-4E08-AF1D-D49B2C657A3F}" dt="2026-05-25T11:54:04.650" v="1599" actId="1076"/>
          <ac:spMkLst>
            <pc:docMk/>
            <pc:sldMk cId="609997599" sldId="708"/>
            <ac:spMk id="20" creationId="{777D7EEE-78AD-D270-8465-BAAC262F6273}"/>
          </ac:spMkLst>
        </pc:spChg>
        <pc:spChg chg="add mod">
          <ac:chgData name="Trine Michelle Villumsen" userId="4fd0151a-7d3f-4834-b2e8-de24ac981e10" providerId="ADAL" clId="{5FB3C403-AB04-4E08-AF1D-D49B2C657A3F}" dt="2026-05-25T11:54:04.650" v="1599" actId="1076"/>
          <ac:spMkLst>
            <pc:docMk/>
            <pc:sldMk cId="609997599" sldId="708"/>
            <ac:spMk id="21" creationId="{5DE95F61-6AAB-3E84-AB33-EAB5B95D3BE0}"/>
          </ac:spMkLst>
        </pc:spChg>
        <pc:spChg chg="add mod">
          <ac:chgData name="Trine Michelle Villumsen" userId="4fd0151a-7d3f-4834-b2e8-de24ac981e10" providerId="ADAL" clId="{5FB3C403-AB04-4E08-AF1D-D49B2C657A3F}" dt="2026-05-25T11:54:04.650" v="1599" actId="1076"/>
          <ac:spMkLst>
            <pc:docMk/>
            <pc:sldMk cId="609997599" sldId="708"/>
            <ac:spMk id="22" creationId="{489BA4D9-C53E-9F54-172C-DE1DB5BD5454}"/>
          </ac:spMkLst>
        </pc:spChg>
        <pc:picChg chg="add mod">
          <ac:chgData name="Trine Michelle Villumsen" userId="4fd0151a-7d3f-4834-b2e8-de24ac981e10" providerId="ADAL" clId="{5FB3C403-AB04-4E08-AF1D-D49B2C657A3F}" dt="2026-05-25T11:54:04.650" v="1599" actId="1076"/>
          <ac:picMkLst>
            <pc:docMk/>
            <pc:sldMk cId="609997599" sldId="708"/>
            <ac:picMk id="7" creationId="{FF27744C-F1A5-79C5-C29B-B9F9B8CD4878}"/>
          </ac:picMkLst>
        </pc:picChg>
        <pc:picChg chg="add mod">
          <ac:chgData name="Trine Michelle Villumsen" userId="4fd0151a-7d3f-4834-b2e8-de24ac981e10" providerId="ADAL" clId="{5FB3C403-AB04-4E08-AF1D-D49B2C657A3F}" dt="2026-05-25T11:54:04.650" v="1599" actId="1076"/>
          <ac:picMkLst>
            <pc:docMk/>
            <pc:sldMk cId="609997599" sldId="708"/>
            <ac:picMk id="10" creationId="{115D725A-4DEF-7317-E6EA-7A67A159DD01}"/>
          </ac:picMkLst>
        </pc:picChg>
      </pc:sldChg>
      <pc:sldMasterChg chg="modSp mod modSldLayout">
        <pc:chgData name="Trine Michelle Villumsen" userId="4fd0151a-7d3f-4834-b2e8-de24ac981e10" providerId="ADAL" clId="{5FB3C403-AB04-4E08-AF1D-D49B2C657A3F}" dt="2026-05-25T10:41:39.896" v="43" actId="139"/>
        <pc:sldMasterMkLst>
          <pc:docMk/>
          <pc:sldMasterMk cId="0" sldId="2147483648"/>
        </pc:sldMasterMkLst>
        <pc:spChg chg="mod">
          <ac:chgData name="Trine Michelle Villumsen" userId="4fd0151a-7d3f-4834-b2e8-de24ac981e10" providerId="ADAL" clId="{5FB3C403-AB04-4E08-AF1D-D49B2C657A3F}" dt="2026-05-25T10:41:39.746" v="3" actId="139"/>
          <ac:spMkLst>
            <pc:docMk/>
            <pc:sldMasterMk cId="0" sldId="2147483648"/>
            <ac:spMk id="4" creationId="{D0C255F4-97F5-2F16-C830-C233FA325C15}"/>
          </ac:spMkLst>
        </pc:spChg>
        <pc:spChg chg="mod">
          <ac:chgData name="Trine Michelle Villumsen" userId="4fd0151a-7d3f-4834-b2e8-de24ac981e10" providerId="ADAL" clId="{5FB3C403-AB04-4E08-AF1D-D49B2C657A3F}" dt="2026-05-25T10:41:39.731" v="1" actId="139"/>
          <ac:spMkLst>
            <pc:docMk/>
            <pc:sldMasterMk cId="0" sldId="2147483648"/>
            <ac:spMk id="5" creationId="{2DB864AE-EC00-948C-4AD8-CC3FC72BC82F}"/>
          </ac:spMkLst>
        </pc:spChg>
        <pc:spChg chg="mod">
          <ac:chgData name="Trine Michelle Villumsen" userId="4fd0151a-7d3f-4834-b2e8-de24ac981e10" providerId="ADAL" clId="{5FB3C403-AB04-4E08-AF1D-D49B2C657A3F}" dt="2026-05-25T10:41:39.746" v="7" actId="139"/>
          <ac:spMkLst>
            <pc:docMk/>
            <pc:sldMasterMk cId="0" sldId="2147483648"/>
            <ac:spMk id="21" creationId="{00000000-0000-0000-0000-000000000000}"/>
          </ac:spMkLst>
        </pc:spChg>
        <pc:spChg chg="mod">
          <ac:chgData name="Trine Michelle Villumsen" userId="4fd0151a-7d3f-4834-b2e8-de24ac981e10" providerId="ADAL" clId="{5FB3C403-AB04-4E08-AF1D-D49B2C657A3F}" dt="2026-05-25T10:41:39.746" v="9" actId="139"/>
          <ac:spMkLst>
            <pc:docMk/>
            <pc:sldMasterMk cId="0" sldId="2147483648"/>
            <ac:spMk id="25" creationId="{00000000-0000-0000-0000-000000000000}"/>
          </ac:spMkLst>
        </pc:spChg>
        <pc:spChg chg="mod">
          <ac:chgData name="Trine Michelle Villumsen" userId="4fd0151a-7d3f-4834-b2e8-de24ac981e10" providerId="ADAL" clId="{5FB3C403-AB04-4E08-AF1D-D49B2C657A3F}" dt="2026-05-25T10:41:39.746" v="11" actId="139"/>
          <ac:spMkLst>
            <pc:docMk/>
            <pc:sldMasterMk cId="0" sldId="2147483648"/>
            <ac:spMk id="26" creationId="{00000000-0000-0000-0000-000000000000}"/>
          </ac:spMkLst>
        </pc:spChg>
        <pc:spChg chg="mod">
          <ac:chgData name="Trine Michelle Villumsen" userId="4fd0151a-7d3f-4834-b2e8-de24ac981e10" providerId="ADAL" clId="{5FB3C403-AB04-4E08-AF1D-D49B2C657A3F}" dt="2026-05-25T10:41:39.746" v="5" actId="139"/>
          <ac:spMkLst>
            <pc:docMk/>
            <pc:sldMasterMk cId="0" sldId="2147483648"/>
            <ac:spMk id="28" creationId="{00000000-0000-0000-0000-000000000000}"/>
          </ac:spMkLst>
        </pc:spChg>
        <pc:sldLayoutChg chg="modSp mod">
          <pc:chgData name="Trine Michelle Villumsen" userId="4fd0151a-7d3f-4834-b2e8-de24ac981e10" providerId="ADAL" clId="{5FB3C403-AB04-4E08-AF1D-D49B2C657A3F}" dt="2026-05-25T10:41:39.826" v="33" actId="139"/>
          <pc:sldLayoutMkLst>
            <pc:docMk/>
            <pc:sldMasterMk cId="0" sldId="2147483648"/>
            <pc:sldLayoutMk cId="1127008260" sldId="2147483656"/>
          </pc:sldLayoutMkLst>
          <pc:spChg chg="mod">
            <ac:chgData name="Trine Michelle Villumsen" userId="4fd0151a-7d3f-4834-b2e8-de24ac981e10" providerId="ADAL" clId="{5FB3C403-AB04-4E08-AF1D-D49B2C657A3F}" dt="2026-05-25T10:41:39.779" v="27" actId="139"/>
            <ac:spMkLst>
              <pc:docMk/>
              <pc:sldMasterMk cId="0" sldId="2147483648"/>
              <pc:sldLayoutMk cId="1127008260" sldId="2147483656"/>
              <ac:spMk id="7" creationId="{163F40E2-4217-07B0-ECD8-2A4A14C886B5}"/>
            </ac:spMkLst>
          </pc:spChg>
          <pc:spChg chg="mod">
            <ac:chgData name="Trine Michelle Villumsen" userId="4fd0151a-7d3f-4834-b2e8-de24ac981e10" providerId="ADAL" clId="{5FB3C403-AB04-4E08-AF1D-D49B2C657A3F}" dt="2026-05-25T10:41:39.777" v="25" actId="139"/>
            <ac:spMkLst>
              <pc:docMk/>
              <pc:sldMasterMk cId="0" sldId="2147483648"/>
              <pc:sldLayoutMk cId="1127008260" sldId="2147483656"/>
              <ac:spMk id="8" creationId="{249423E2-54F8-7094-38E5-785211867F3D}"/>
            </ac:spMkLst>
          </pc:spChg>
          <pc:spChg chg="mod">
            <ac:chgData name="Trine Michelle Villumsen" userId="4fd0151a-7d3f-4834-b2e8-de24ac981e10" providerId="ADAL" clId="{5FB3C403-AB04-4E08-AF1D-D49B2C657A3F}" dt="2026-05-25T10:41:39.785" v="31" actId="139"/>
            <ac:spMkLst>
              <pc:docMk/>
              <pc:sldMasterMk cId="0" sldId="2147483648"/>
              <pc:sldLayoutMk cId="1127008260" sldId="2147483656"/>
              <ac:spMk id="9" creationId="{4550AE95-0D19-942D-D04F-B30197C47EBA}"/>
            </ac:spMkLst>
          </pc:spChg>
          <pc:spChg chg="mod">
            <ac:chgData name="Trine Michelle Villumsen" userId="4fd0151a-7d3f-4834-b2e8-de24ac981e10" providerId="ADAL" clId="{5FB3C403-AB04-4E08-AF1D-D49B2C657A3F}" dt="2026-05-25T10:41:39.826" v="33" actId="139"/>
            <ac:spMkLst>
              <pc:docMk/>
              <pc:sldMasterMk cId="0" sldId="2147483648"/>
              <pc:sldLayoutMk cId="1127008260" sldId="2147483656"/>
              <ac:spMk id="10" creationId="{7E45388B-77A2-F799-5C73-3DBEF86FEF0E}"/>
            </ac:spMkLst>
          </pc:spChg>
          <pc:spChg chg="mod">
            <ac:chgData name="Trine Michelle Villumsen" userId="4fd0151a-7d3f-4834-b2e8-de24ac981e10" providerId="ADAL" clId="{5FB3C403-AB04-4E08-AF1D-D49B2C657A3F}" dt="2026-05-25T10:41:39.781" v="29" actId="139"/>
            <ac:spMkLst>
              <pc:docMk/>
              <pc:sldMasterMk cId="0" sldId="2147483648"/>
              <pc:sldLayoutMk cId="1127008260" sldId="2147483656"/>
              <ac:spMk id="42" creationId="{00000000-0000-0000-0000-000000000000}"/>
            </ac:spMkLst>
          </pc:spChg>
        </pc:sldLayoutChg>
        <pc:sldLayoutChg chg="modSp mod">
          <pc:chgData name="Trine Michelle Villumsen" userId="4fd0151a-7d3f-4834-b2e8-de24ac981e10" providerId="ADAL" clId="{5FB3C403-AB04-4E08-AF1D-D49B2C657A3F}" dt="2026-05-25T10:41:39.896" v="43" actId="139"/>
          <pc:sldLayoutMkLst>
            <pc:docMk/>
            <pc:sldMasterMk cId="0" sldId="2147483648"/>
            <pc:sldLayoutMk cId="4128896695" sldId="2147483658"/>
          </pc:sldLayoutMkLst>
          <pc:spChg chg="mod">
            <ac:chgData name="Trine Michelle Villumsen" userId="4fd0151a-7d3f-4834-b2e8-de24ac981e10" providerId="ADAL" clId="{5FB3C403-AB04-4E08-AF1D-D49B2C657A3F}" dt="2026-05-25T10:41:39.896" v="43" actId="139"/>
            <ac:spMkLst>
              <pc:docMk/>
              <pc:sldMasterMk cId="0" sldId="2147483648"/>
              <pc:sldLayoutMk cId="4128896695" sldId="2147483658"/>
              <ac:spMk id="5" creationId="{00000000-0000-0000-0000-000000000000}"/>
            </ac:spMkLst>
          </pc:spChg>
        </pc:sldLayoutChg>
        <pc:sldLayoutChg chg="modSp mod">
          <pc:chgData name="Trine Michelle Villumsen" userId="4fd0151a-7d3f-4834-b2e8-de24ac981e10" providerId="ADAL" clId="{5FB3C403-AB04-4E08-AF1D-D49B2C657A3F}" dt="2026-05-25T10:41:39.762" v="23" actId="139"/>
          <pc:sldLayoutMkLst>
            <pc:docMk/>
            <pc:sldMasterMk cId="0" sldId="2147483648"/>
            <pc:sldLayoutMk cId="0" sldId="2147483659"/>
          </pc:sldLayoutMkLst>
          <pc:spChg chg="mod">
            <ac:chgData name="Trine Michelle Villumsen" userId="4fd0151a-7d3f-4834-b2e8-de24ac981e10" providerId="ADAL" clId="{5FB3C403-AB04-4E08-AF1D-D49B2C657A3F}" dt="2026-05-25T10:41:39.746" v="13" actId="139"/>
            <ac:spMkLst>
              <pc:docMk/>
              <pc:sldMasterMk cId="0" sldId="2147483648"/>
              <pc:sldLayoutMk cId="0" sldId="2147483659"/>
              <ac:spMk id="5" creationId="{7F20FB0B-AB99-D1DA-4E1C-7C844AE40693}"/>
            </ac:spMkLst>
          </pc:spChg>
          <pc:spChg chg="mod">
            <ac:chgData name="Trine Michelle Villumsen" userId="4fd0151a-7d3f-4834-b2e8-de24ac981e10" providerId="ADAL" clId="{5FB3C403-AB04-4E08-AF1D-D49B2C657A3F}" dt="2026-05-25T10:41:39.755" v="15" actId="139"/>
            <ac:spMkLst>
              <pc:docMk/>
              <pc:sldMasterMk cId="0" sldId="2147483648"/>
              <pc:sldLayoutMk cId="0" sldId="2147483659"/>
              <ac:spMk id="6" creationId="{94FCB787-CF58-D24B-3F9C-4CF65869F2F1}"/>
            </ac:spMkLst>
          </pc:spChg>
          <pc:spChg chg="mod">
            <ac:chgData name="Trine Michelle Villumsen" userId="4fd0151a-7d3f-4834-b2e8-de24ac981e10" providerId="ADAL" clId="{5FB3C403-AB04-4E08-AF1D-D49B2C657A3F}" dt="2026-05-25T10:41:39.761" v="21" actId="139"/>
            <ac:spMkLst>
              <pc:docMk/>
              <pc:sldMasterMk cId="0" sldId="2147483648"/>
              <pc:sldLayoutMk cId="0" sldId="2147483659"/>
              <ac:spMk id="8" creationId="{289B577B-AF3B-2A62-0411-5FD9FF3C4208}"/>
            </ac:spMkLst>
          </pc:spChg>
          <pc:spChg chg="mod">
            <ac:chgData name="Trine Michelle Villumsen" userId="4fd0151a-7d3f-4834-b2e8-de24ac981e10" providerId="ADAL" clId="{5FB3C403-AB04-4E08-AF1D-D49B2C657A3F}" dt="2026-05-25T10:41:39.762" v="23" actId="139"/>
            <ac:spMkLst>
              <pc:docMk/>
              <pc:sldMasterMk cId="0" sldId="2147483648"/>
              <pc:sldLayoutMk cId="0" sldId="2147483659"/>
              <ac:spMk id="9" creationId="{066A6607-F6B4-2025-DA5F-AC4D1914151A}"/>
            </ac:spMkLst>
          </pc:spChg>
          <pc:spChg chg="mod">
            <ac:chgData name="Trine Michelle Villumsen" userId="4fd0151a-7d3f-4834-b2e8-de24ac981e10" providerId="ADAL" clId="{5FB3C403-AB04-4E08-AF1D-D49B2C657A3F}" dt="2026-05-25T10:41:39.758" v="17" actId="139"/>
            <ac:spMkLst>
              <pc:docMk/>
              <pc:sldMasterMk cId="0" sldId="2147483648"/>
              <pc:sldLayoutMk cId="0" sldId="2147483659"/>
              <ac:spMk id="36" creationId="{00000000-0000-0000-0000-000000000000}"/>
            </ac:spMkLst>
          </pc:spChg>
          <pc:spChg chg="mod">
            <ac:chgData name="Trine Michelle Villumsen" userId="4fd0151a-7d3f-4834-b2e8-de24ac981e10" providerId="ADAL" clId="{5FB3C403-AB04-4E08-AF1D-D49B2C657A3F}" dt="2026-05-25T10:41:39.759" v="19" actId="139"/>
            <ac:spMkLst>
              <pc:docMk/>
              <pc:sldMasterMk cId="0" sldId="2147483648"/>
              <pc:sldLayoutMk cId="0" sldId="2147483659"/>
              <ac:spMk id="37" creationId="{00000000-0000-0000-0000-000000000000}"/>
            </ac:spMkLst>
          </pc:spChg>
        </pc:sldLayoutChg>
        <pc:sldLayoutChg chg="modSp mod">
          <pc:chgData name="Trine Michelle Villumsen" userId="4fd0151a-7d3f-4834-b2e8-de24ac981e10" providerId="ADAL" clId="{5FB3C403-AB04-4E08-AF1D-D49B2C657A3F}" dt="2026-05-25T10:41:39.857" v="41" actId="139"/>
          <pc:sldLayoutMkLst>
            <pc:docMk/>
            <pc:sldMasterMk cId="0" sldId="2147483648"/>
            <pc:sldLayoutMk cId="200739098" sldId="2147483673"/>
          </pc:sldLayoutMkLst>
          <pc:spChg chg="mod">
            <ac:chgData name="Trine Michelle Villumsen" userId="4fd0151a-7d3f-4834-b2e8-de24ac981e10" providerId="ADAL" clId="{5FB3C403-AB04-4E08-AF1D-D49B2C657A3F}" dt="2026-05-25T10:41:39.855" v="37" actId="139"/>
            <ac:spMkLst>
              <pc:docMk/>
              <pc:sldMasterMk cId="0" sldId="2147483648"/>
              <pc:sldLayoutMk cId="200739098" sldId="2147483673"/>
              <ac:spMk id="6" creationId="{57887568-1188-7AD6-FE68-DD94BB3E0742}"/>
            </ac:spMkLst>
          </pc:spChg>
          <pc:spChg chg="mod">
            <ac:chgData name="Trine Michelle Villumsen" userId="4fd0151a-7d3f-4834-b2e8-de24ac981e10" providerId="ADAL" clId="{5FB3C403-AB04-4E08-AF1D-D49B2C657A3F}" dt="2026-05-25T10:41:39.851" v="35" actId="139"/>
            <ac:spMkLst>
              <pc:docMk/>
              <pc:sldMasterMk cId="0" sldId="2147483648"/>
              <pc:sldLayoutMk cId="200739098" sldId="2147483673"/>
              <ac:spMk id="7" creationId="{79F28AD6-C756-3FA9-8D35-B9ED537E5DDE}"/>
            </ac:spMkLst>
          </pc:spChg>
          <pc:spChg chg="mod">
            <ac:chgData name="Trine Michelle Villumsen" userId="4fd0151a-7d3f-4834-b2e8-de24ac981e10" providerId="ADAL" clId="{5FB3C403-AB04-4E08-AF1D-D49B2C657A3F}" dt="2026-05-25T10:41:39.857" v="39" actId="139"/>
            <ac:spMkLst>
              <pc:docMk/>
              <pc:sldMasterMk cId="0" sldId="2147483648"/>
              <pc:sldLayoutMk cId="200739098" sldId="2147483673"/>
              <ac:spMk id="11" creationId="{A3243EC3-3157-0FCB-B9C5-4D04D60102D7}"/>
            </ac:spMkLst>
          </pc:spChg>
          <pc:spChg chg="mod">
            <ac:chgData name="Trine Michelle Villumsen" userId="4fd0151a-7d3f-4834-b2e8-de24ac981e10" providerId="ADAL" clId="{5FB3C403-AB04-4E08-AF1D-D49B2C657A3F}" dt="2026-05-25T10:41:39.857" v="41" actId="139"/>
            <ac:spMkLst>
              <pc:docMk/>
              <pc:sldMasterMk cId="0" sldId="2147483648"/>
              <pc:sldLayoutMk cId="200739098" sldId="2147483673"/>
              <ac:spMk id="12" creationId="{295F1ED3-E7A6-8E03-3171-374E099942CC}"/>
            </ac:spMkLst>
          </pc:spChg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he manual data </a:t>
            </a:r>
            <a:r>
              <a:rPr lang="da-DK" dirty="0" err="1"/>
              <a:t>monotoring</a:t>
            </a:r>
            <a:r>
              <a:rPr lang="da-DK" dirty="0"/>
              <a:t> </a:t>
            </a:r>
            <a:r>
              <a:rPr lang="da-DK" dirty="0" err="1"/>
              <a:t>finds</a:t>
            </a:r>
            <a:r>
              <a:rPr lang="da-DK" dirty="0"/>
              <a:t> the </a:t>
            </a:r>
            <a:r>
              <a:rPr lang="da-DK" dirty="0" err="1"/>
              <a:t>worst</a:t>
            </a:r>
            <a:r>
              <a:rPr lang="da-DK" dirty="0"/>
              <a:t> </a:t>
            </a:r>
            <a:r>
              <a:rPr lang="da-DK" dirty="0" err="1"/>
              <a:t>example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425720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Two</a:t>
            </a:r>
            <a:r>
              <a:rPr lang="da-DK" dirty="0"/>
              <a:t> data </a:t>
            </a:r>
            <a:r>
              <a:rPr lang="da-DK" dirty="0" err="1"/>
              <a:t>stream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2881103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Finding</a:t>
            </a:r>
            <a:r>
              <a:rPr lang="da-DK" dirty="0"/>
              <a:t> </a:t>
            </a:r>
            <a:r>
              <a:rPr lang="da-DK" dirty="0" err="1"/>
              <a:t>best</a:t>
            </a:r>
            <a:r>
              <a:rPr lang="da-DK" dirty="0"/>
              <a:t> time match by </a:t>
            </a:r>
            <a:r>
              <a:rPr lang="da-DK" dirty="0" err="1"/>
              <a:t>sliding</a:t>
            </a:r>
            <a:r>
              <a:rPr lang="da-DK" dirty="0"/>
              <a:t> the  CO2 </a:t>
            </a:r>
            <a:r>
              <a:rPr lang="da-DK" dirty="0" err="1"/>
              <a:t>concentration</a:t>
            </a:r>
            <a:r>
              <a:rPr lang="da-DK" dirty="0"/>
              <a:t> over the </a:t>
            </a:r>
            <a:r>
              <a:rPr lang="da-DK" dirty="0" err="1"/>
              <a:t>milking</a:t>
            </a:r>
            <a:r>
              <a:rPr lang="da-DK" dirty="0"/>
              <a:t> data –</a:t>
            </a:r>
            <a:r>
              <a:rPr lang="da-DK" dirty="0" err="1"/>
              <a:t>use</a:t>
            </a:r>
            <a:r>
              <a:rPr lang="da-DK" dirty="0"/>
              <a:t> CO2 for the alignment</a:t>
            </a:r>
          </a:p>
          <a:p>
            <a:r>
              <a:rPr lang="da-DK" dirty="0" err="1"/>
              <a:t>Originally</a:t>
            </a:r>
            <a:r>
              <a:rPr lang="da-DK" dirty="0"/>
              <a:t> </a:t>
            </a:r>
            <a:r>
              <a:rPr lang="da-DK" dirty="0" err="1"/>
              <a:t>developed</a:t>
            </a:r>
            <a:r>
              <a:rPr lang="da-DK" dirty="0"/>
              <a:t> for time </a:t>
            </a:r>
            <a:r>
              <a:rPr lang="da-DK" dirty="0" err="1"/>
              <a:t>synchronization</a:t>
            </a:r>
            <a:r>
              <a:rPr lang="da-DK" dirty="0"/>
              <a:t>, </a:t>
            </a:r>
            <a:r>
              <a:rPr lang="da-DK" dirty="0" err="1"/>
              <a:t>because</a:t>
            </a:r>
            <a:r>
              <a:rPr lang="da-DK" dirty="0"/>
              <a:t> back in time the sniffer </a:t>
            </a:r>
            <a:r>
              <a:rPr lang="da-DK" dirty="0" err="1"/>
              <a:t>boxes</a:t>
            </a:r>
            <a:r>
              <a:rPr lang="da-DK" dirty="0"/>
              <a:t> did not </a:t>
            </a:r>
            <a:r>
              <a:rPr lang="da-DK" dirty="0" err="1"/>
              <a:t>synchronize</a:t>
            </a:r>
            <a:r>
              <a:rPr lang="da-DK" dirty="0"/>
              <a:t> to internet time.</a:t>
            </a:r>
          </a:p>
          <a:p>
            <a:r>
              <a:rPr lang="da-DK" dirty="0"/>
              <a:t>This </a:t>
            </a:r>
            <a:r>
              <a:rPr lang="da-DK" dirty="0" err="1"/>
              <a:t>works</a:t>
            </a:r>
            <a:r>
              <a:rPr lang="da-DK" dirty="0"/>
              <a:t> </a:t>
            </a:r>
            <a:r>
              <a:rPr lang="da-DK" dirty="0" err="1"/>
              <a:t>now</a:t>
            </a:r>
            <a:r>
              <a:rPr lang="da-DK" dirty="0"/>
              <a:t>, but is still </a:t>
            </a:r>
            <a:r>
              <a:rPr lang="da-DK" dirty="0" err="1"/>
              <a:t>used</a:t>
            </a:r>
            <a:r>
              <a:rPr lang="da-DK" dirty="0"/>
              <a:t> for </a:t>
            </a:r>
            <a:r>
              <a:rPr lang="da-DK" dirty="0" err="1"/>
              <a:t>quality</a:t>
            </a:r>
            <a:r>
              <a:rPr lang="da-DK" dirty="0"/>
              <a:t> </a:t>
            </a:r>
            <a:r>
              <a:rPr lang="da-DK" dirty="0" err="1"/>
              <a:t>control</a:t>
            </a:r>
            <a:r>
              <a:rPr lang="da-DK" dirty="0"/>
              <a:t>, </a:t>
            </a:r>
            <a:r>
              <a:rPr lang="da-DK" dirty="0" err="1"/>
              <a:t>if</a:t>
            </a:r>
            <a:r>
              <a:rPr lang="da-DK" dirty="0"/>
              <a:t> </a:t>
            </a:r>
            <a:r>
              <a:rPr lang="da-DK" dirty="0" err="1"/>
              <a:t>cant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matched</a:t>
            </a:r>
            <a:r>
              <a:rPr lang="da-DK" dirty="0"/>
              <a:t>, data is </a:t>
            </a:r>
            <a:r>
              <a:rPr lang="da-DK" dirty="0" err="1"/>
              <a:t>discarded</a:t>
            </a:r>
            <a:endParaRPr lang="da-DK" dirty="0"/>
          </a:p>
          <a:p>
            <a:r>
              <a:rPr lang="da-DK" dirty="0" err="1"/>
              <a:t>Currently</a:t>
            </a:r>
            <a:r>
              <a:rPr lang="da-DK" dirty="0"/>
              <a:t> running </a:t>
            </a:r>
            <a:r>
              <a:rPr lang="da-DK" dirty="0" err="1"/>
              <a:t>one</a:t>
            </a:r>
            <a:r>
              <a:rPr lang="da-DK" dirty="0"/>
              <a:t> sniffer-</a:t>
            </a:r>
            <a:r>
              <a:rPr lang="da-DK" dirty="0" err="1"/>
              <a:t>Ams</a:t>
            </a:r>
            <a:r>
              <a:rPr lang="da-DK" dirty="0"/>
              <a:t> at a time but is </a:t>
            </a:r>
            <a:r>
              <a:rPr lang="da-DK" dirty="0" err="1"/>
              <a:t>currently</a:t>
            </a:r>
            <a:r>
              <a:rPr lang="da-DK" dirty="0"/>
              <a:t> </a:t>
            </a:r>
            <a:r>
              <a:rPr lang="da-DK" dirty="0" err="1"/>
              <a:t>being</a:t>
            </a:r>
            <a:r>
              <a:rPr lang="da-DK" dirty="0"/>
              <a:t> </a:t>
            </a:r>
            <a:r>
              <a:rPr lang="da-DK" dirty="0" err="1"/>
              <a:t>improves</a:t>
            </a:r>
            <a:r>
              <a:rPr lang="da-DK" dirty="0"/>
              <a:t>, </a:t>
            </a:r>
            <a:r>
              <a:rPr lang="da-DK" dirty="0" err="1"/>
              <a:t>since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have 38 sniffers with </a:t>
            </a:r>
            <a:r>
              <a:rPr lang="da-DK" dirty="0" err="1"/>
              <a:t>duplex</a:t>
            </a:r>
            <a:r>
              <a:rPr lang="da-DK" dirty="0"/>
              <a:t> </a:t>
            </a:r>
            <a:r>
              <a:rPr lang="da-DK" dirty="0" err="1"/>
              <a:t>setup</a:t>
            </a:r>
            <a:r>
              <a:rPr lang="da-DK" dirty="0"/>
              <a:t>, </a:t>
            </a:r>
          </a:p>
          <a:p>
            <a:r>
              <a:rPr lang="da-DK" dirty="0"/>
              <a:t>If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cant</a:t>
            </a:r>
            <a:r>
              <a:rPr lang="da-DK" dirty="0"/>
              <a:t> find a clear pattern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93393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After</a:t>
            </a:r>
            <a:r>
              <a:rPr lang="da-DK" dirty="0"/>
              <a:t> </a:t>
            </a:r>
            <a:r>
              <a:rPr lang="da-DK" dirty="0" err="1"/>
              <a:t>synchronization</a:t>
            </a:r>
            <a:r>
              <a:rPr lang="da-DK" dirty="0"/>
              <a:t> split in </a:t>
            </a:r>
            <a:r>
              <a:rPr lang="da-DK" dirty="0" err="1"/>
              <a:t>animal</a:t>
            </a:r>
            <a:r>
              <a:rPr lang="da-DK" dirty="0"/>
              <a:t> and baseline </a:t>
            </a:r>
            <a:r>
              <a:rPr lang="da-DK" dirty="0" err="1"/>
              <a:t>record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0829744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rift in </a:t>
            </a:r>
            <a:r>
              <a:rPr lang="da-DK" dirty="0" err="1"/>
              <a:t>calibration</a:t>
            </a:r>
            <a:endParaRPr lang="da-DK" dirty="0"/>
          </a:p>
          <a:p>
            <a:r>
              <a:rPr lang="da-DK" dirty="0"/>
              <a:t>Time of </a:t>
            </a:r>
            <a:r>
              <a:rPr lang="da-DK" dirty="0" err="1"/>
              <a:t>day</a:t>
            </a:r>
            <a:endParaRPr lang="da-DK" dirty="0"/>
          </a:p>
          <a:p>
            <a:r>
              <a:rPr lang="da-DK" dirty="0" err="1"/>
              <a:t>Also</a:t>
            </a:r>
            <a:r>
              <a:rPr lang="da-DK" dirty="0"/>
              <a:t> day to day variations </a:t>
            </a:r>
            <a:r>
              <a:rPr lang="da-DK" dirty="0" err="1"/>
              <a:t>depending</a:t>
            </a:r>
            <a:r>
              <a:rPr lang="da-DK" dirty="0"/>
              <a:t> on for </a:t>
            </a:r>
            <a:r>
              <a:rPr lang="da-DK" dirty="0" err="1"/>
              <a:t>instance</a:t>
            </a:r>
            <a:r>
              <a:rPr lang="da-DK" dirty="0"/>
              <a:t> </a:t>
            </a:r>
            <a:r>
              <a:rPr lang="da-DK" dirty="0" err="1"/>
              <a:t>weather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943232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w switch to </a:t>
            </a:r>
            <a:r>
              <a:rPr lang="da-DK" dirty="0" err="1"/>
              <a:t>animal</a:t>
            </a:r>
            <a:r>
              <a:rPr lang="da-DK" dirty="0"/>
              <a:t> </a:t>
            </a:r>
            <a:r>
              <a:rPr lang="da-DK" dirty="0" err="1"/>
              <a:t>record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0405445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his is a simple </a:t>
            </a:r>
            <a:r>
              <a:rPr lang="da-DK" dirty="0" err="1"/>
              <a:t>example</a:t>
            </a:r>
            <a:r>
              <a:rPr lang="da-DK" dirty="0"/>
              <a:t> </a:t>
            </a:r>
            <a:r>
              <a:rPr lang="da-DK" dirty="0" err="1"/>
              <a:t>how</a:t>
            </a:r>
            <a:r>
              <a:rPr lang="da-DK" dirty="0"/>
              <a:t> a </a:t>
            </a:r>
            <a:r>
              <a:rPr lang="da-DK" dirty="0" err="1"/>
              <a:t>cow’s</a:t>
            </a:r>
            <a:r>
              <a:rPr lang="da-DK" dirty="0"/>
              <a:t> </a:t>
            </a:r>
            <a:r>
              <a:rPr lang="da-DK" dirty="0" err="1"/>
              <a:t>methane</a:t>
            </a:r>
            <a:r>
              <a:rPr lang="da-DK" dirty="0"/>
              <a:t> is </a:t>
            </a:r>
            <a:r>
              <a:rPr lang="da-DK" dirty="0" err="1"/>
              <a:t>reduced</a:t>
            </a:r>
            <a:r>
              <a:rPr lang="da-DK" dirty="0"/>
              <a:t> </a:t>
            </a:r>
            <a:r>
              <a:rPr lang="da-DK" dirty="0" err="1"/>
              <a:t>after</a:t>
            </a:r>
            <a:r>
              <a:rPr lang="da-DK" dirty="0"/>
              <a:t> baseline </a:t>
            </a:r>
            <a:r>
              <a:rPr lang="da-DK" dirty="0" err="1"/>
              <a:t>correction</a:t>
            </a:r>
            <a:r>
              <a:rPr lang="da-DK" dirty="0"/>
              <a:t> 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7417603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Visits are uploaded to database, where they are transformed to daily records within AMS and sniffer.</a:t>
            </a:r>
          </a:p>
          <a:p>
            <a:endParaRPr lang="en-US" dirty="0"/>
          </a:p>
          <a:p>
            <a:r>
              <a:rPr lang="en-US" dirty="0"/>
              <a:t>And use pedigree and genomic information from NAV</a:t>
            </a:r>
          </a:p>
          <a:p>
            <a:r>
              <a:rPr lang="en-US" dirty="0"/>
              <a:t>And data from the Danish cattle databas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411954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qao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qao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qao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5" name="Date_DateCustomA" descr="{&quot;templafy&quot;:{&quot;id&quot;:&quot;8871c6be-bde5-4733-aa5e-7d01375897ed&quot;}}">
            <a:extLst>
              <a:ext uri="{FF2B5EF4-FFF2-40B4-BE49-F238E27FC236}">
                <a16:creationId xmlns:a16="http://schemas.microsoft.com/office/drawing/2014/main" id="{7F20FB0B-AB99-D1DA-4E1C-7C844AE4069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7. maj 2026</a:t>
            </a:r>
          </a:p>
        </p:txBody>
      </p:sp>
      <p:sp>
        <p:nvSpPr>
          <p:cNvPr id="6" name="FLD_Event" descr="{&quot;templafy&quot;:{&quot;id&quot;:&quot;3c394d89-7ef0-4ed3-9f4c-92bff90f87e9&quot;}}">
            <a:extLst>
              <a:ext uri="{FF2B5EF4-FFF2-40B4-BE49-F238E27FC236}">
                <a16:creationId xmlns:a16="http://schemas.microsoft.com/office/drawing/2014/main" id="{94FCB787-CF58-D24B-3F9C-4CF65869F2F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V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methan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webinar</a:t>
            </a:r>
          </a:p>
        </p:txBody>
      </p:sp>
      <p:sp>
        <p:nvSpPr>
          <p:cNvPr id="36" name="USR_Title" descr="{&quot;templafy&quot;:{&quot;id&quot;:&quot;31d0a684-9928-4da8-9e6a-43a27aa39df4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eniorrådgiver</a:t>
            </a:r>
          </a:p>
        </p:txBody>
      </p:sp>
      <p:sp>
        <p:nvSpPr>
          <p:cNvPr id="37" name="USR_Name" descr="{&quot;templafy&quot;:{&quot;id&quot;:&quot;fa1dc32d-5a6d-45fb-a808-1518776e71b4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rine Michelle Villumsen</a:t>
            </a:r>
          </a:p>
        </p:txBody>
      </p:sp>
      <p:pic>
        <p:nvPicPr>
          <p:cNvPr id="10" name="SecondaryLogo" descr="{&quot;templafy&quot;:{&quot;id&quot;:&quot;5b59c160-e3fe-45c0-8504-f25a28ece667&quot;}}">
            <a:extLst>
              <a:ext uri="{FF2B5EF4-FFF2-40B4-BE49-F238E27FC236}">
                <a16:creationId xmlns:a16="http://schemas.microsoft.com/office/drawing/2014/main" id="{4BC2135C-FBC0-E88C-0DCE-5416B5C5F326}"/>
              </a:ext>
            </a:extLst>
          </p:cNvPr>
          <p:cNvPicPr>
            <a:picLocks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206114" y="5999002"/>
            <a:ext cx="1659807" cy="558070"/>
          </a:xfrm>
          <a:prstGeom prst="rect">
            <a:avLst/>
          </a:prstGeom>
        </p:spPr>
      </p:pic>
      <p:sp>
        <p:nvSpPr>
          <p:cNvPr id="8" name="OFF_logo2Computed" descr="{&quot;templafy&quot;:{&quot;id&quot;:&quot;5e68dcda-81cc-44ce-b7fa-70a327d5f037&quot;}}">
            <a:extLst>
              <a:ext uri="{FF2B5EF4-FFF2-40B4-BE49-F238E27FC236}">
                <a16:creationId xmlns:a16="http://schemas.microsoft.com/office/drawing/2014/main" id="{289B577B-AF3B-2A62-0411-5FD9FF3C420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et</a:t>
            </a:r>
          </a:p>
        </p:txBody>
      </p:sp>
      <p:sp>
        <p:nvSpPr>
          <p:cNvPr id="9" name="OFF_logo1Computed" descr="{&quot;templafy&quot;:{&quot;id&quot;:&quot;62af3fa1-756c-43ae-9b1b-2c39ece3a9aa&quot;}}">
            <a:extLst>
              <a:ext uri="{FF2B5EF4-FFF2-40B4-BE49-F238E27FC236}">
                <a16:creationId xmlns:a16="http://schemas.microsoft.com/office/drawing/2014/main" id="{066A6607-F6B4-2025-DA5F-AC4D1914151A}"/>
              </a:ext>
            </a:extLst>
          </p:cNvPr>
          <p:cNvSpPr/>
          <p:nvPr userDrawn="1"/>
        </p:nvSpPr>
        <p:spPr bwMode="auto">
          <a:xfrm>
            <a:off x="971999" y="5997600"/>
            <a:ext cx="1292020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echnical Scienc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</a:p>
          <a:p>
            <a:pPr lvl="1"/>
            <a:r>
              <a:rPr lang="da-DK" dirty="0"/>
              <a:t>Second level</a:t>
            </a:r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 dirty="0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2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3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</a:p>
        </p:txBody>
      </p:sp>
      <p:sp>
        <p:nvSpPr>
          <p:cNvPr id="8" name="Date_DateCustomA" descr="{&quot;templafy&quot;:{&quot;id&quot;:&quot;0220f218-3e94-47a2-af6e-a4de6d5bd264&quot;}}">
            <a:extLst>
              <a:ext uri="{FF2B5EF4-FFF2-40B4-BE49-F238E27FC236}">
                <a16:creationId xmlns:a16="http://schemas.microsoft.com/office/drawing/2014/main" id="{249423E2-54F8-7094-38E5-785211867F3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7. maj 2026</a:t>
            </a:r>
          </a:p>
        </p:txBody>
      </p:sp>
      <p:sp>
        <p:nvSpPr>
          <p:cNvPr id="7" name="FLD_Event" descr="{&quot;templafy&quot;:{&quot;id&quot;:&quot;518b9cad-560c-4f31-bda9-0093fcbb2ce3&quot;}}">
            <a:extLst>
              <a:ext uri="{FF2B5EF4-FFF2-40B4-BE49-F238E27FC236}">
                <a16:creationId xmlns:a16="http://schemas.microsoft.com/office/drawing/2014/main" id="{163F40E2-4217-07B0-ECD8-2A4A14C886B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V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methan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webinar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 descr="{&quot;templafy&quot;:{&quot;id&quot;:&quot;d6efa967-4d85-44d2-8478-3554c4048200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rine Michelle Villumsen</a:t>
            </a:r>
          </a:p>
        </p:txBody>
      </p:sp>
      <p:pic>
        <p:nvPicPr>
          <p:cNvPr id="11" name="SecondaryLogo" descr="{&quot;templafy&quot;:{&quot;id&quot;:&quot;df92a76f-c500-489d-861c-ea0fe53ebe6a&quot;}}">
            <a:extLst>
              <a:ext uri="{FF2B5EF4-FFF2-40B4-BE49-F238E27FC236}">
                <a16:creationId xmlns:a16="http://schemas.microsoft.com/office/drawing/2014/main" id="{E00906D0-2998-D45C-2FC0-7A8E2B84443A}"/>
              </a:ext>
            </a:extLst>
          </p:cNvPr>
          <p:cNvPicPr>
            <a:picLocks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206114" y="5999002"/>
            <a:ext cx="1659807" cy="558070"/>
          </a:xfrm>
          <a:prstGeom prst="rect">
            <a:avLst/>
          </a:prstGeom>
        </p:spPr>
      </p:pic>
      <p:sp>
        <p:nvSpPr>
          <p:cNvPr id="9" name="OFF_logo2Computed" descr="{&quot;templafy&quot;:{&quot;id&quot;:&quot;09f45f42-bdcb-452f-83a6-61d8754ae4a4&quot;}}">
            <a:extLst>
              <a:ext uri="{FF2B5EF4-FFF2-40B4-BE49-F238E27FC236}">
                <a16:creationId xmlns:a16="http://schemas.microsoft.com/office/drawing/2014/main" id="{4550AE95-0D19-942D-D04F-B30197C47EB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et</a:t>
            </a:r>
          </a:p>
        </p:txBody>
      </p:sp>
      <p:sp>
        <p:nvSpPr>
          <p:cNvPr id="10" name="OFF_logo1Computed" descr="{&quot;templafy&quot;:{&quot;id&quot;:&quot;4ff87681-6f19-4239-8079-138b2c0c5a62&quot;}}">
            <a:extLst>
              <a:ext uri="{FF2B5EF4-FFF2-40B4-BE49-F238E27FC236}">
                <a16:creationId xmlns:a16="http://schemas.microsoft.com/office/drawing/2014/main" id="{7E45388B-77A2-F799-5C73-3DBEF86FEF0E}"/>
              </a:ext>
            </a:extLst>
          </p:cNvPr>
          <p:cNvSpPr/>
          <p:nvPr userDrawn="1"/>
        </p:nvSpPr>
        <p:spPr bwMode="auto">
          <a:xfrm>
            <a:off x="971999" y="5997600"/>
            <a:ext cx="1292020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echnical Science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 descr="{&quot;templafy&quot;:{&quot;id&quot;:&quot;24c3416e-ce1e-4d39-ae0b-86e89acf4f48&quot;}}"/>
          <p:cNvSpPr/>
          <p:nvPr userDrawn="1"/>
        </p:nvSpPr>
        <p:spPr bwMode="auto">
          <a:xfrm>
            <a:off x="6022613" y="2804400"/>
            <a:ext cx="5110694" cy="739391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echnical Sciences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7" name="Date_DateCustomA" descr="{&quot;templafy&quot;:{&quot;id&quot;:&quot;ed1ecb96-896c-4c6e-95de-edc2cef30e1d&quot;}}">
            <a:extLst>
              <a:ext uri="{FF2B5EF4-FFF2-40B4-BE49-F238E27FC236}">
                <a16:creationId xmlns:a16="http://schemas.microsoft.com/office/drawing/2014/main" id="{79F28AD6-C756-3FA9-8D35-B9ED537E5DDE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7. maj 2026</a:t>
            </a:r>
          </a:p>
        </p:txBody>
      </p:sp>
      <p:sp>
        <p:nvSpPr>
          <p:cNvPr id="6" name="FLD_Event" descr="{&quot;templafy&quot;:{&quot;id&quot;:&quot;7808a654-f642-4ff3-b78a-d9b4046328c8&quot;}}">
            <a:extLst>
              <a:ext uri="{FF2B5EF4-FFF2-40B4-BE49-F238E27FC236}">
                <a16:creationId xmlns:a16="http://schemas.microsoft.com/office/drawing/2014/main" id="{57887568-1188-7AD6-FE68-DD94BB3E074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V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methan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webinar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8" name="SecondaryLogo" descr="{&quot;templafy&quot;:{&quot;id&quot;:&quot;e97c0b88-ddd9-4a86-8a3c-e1fbc5c38e3a&quot;}}">
            <a:extLst>
              <a:ext uri="{FF2B5EF4-FFF2-40B4-BE49-F238E27FC236}">
                <a16:creationId xmlns:a16="http://schemas.microsoft.com/office/drawing/2014/main" id="{34E071E4-7C34-07AA-B85F-C9CC766F0953}"/>
              </a:ext>
            </a:extLst>
          </p:cNvPr>
          <p:cNvPicPr>
            <a:picLocks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206114" y="5999002"/>
            <a:ext cx="1659807" cy="558070"/>
          </a:xfrm>
          <a:prstGeom prst="rect">
            <a:avLst/>
          </a:prstGeom>
        </p:spPr>
      </p:pic>
      <p:sp>
        <p:nvSpPr>
          <p:cNvPr id="11" name="OFF_logo2Computed" descr="{&quot;templafy&quot;:{&quot;id&quot;:&quot;e8641696-56e4-466b-bf87-46ab750e266d&quot;}}">
            <a:extLst>
              <a:ext uri="{FF2B5EF4-FFF2-40B4-BE49-F238E27FC236}">
                <a16:creationId xmlns:a16="http://schemas.microsoft.com/office/drawing/2014/main" id="{A3243EC3-3157-0FCB-B9C5-4D04D60102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et</a:t>
            </a:r>
          </a:p>
        </p:txBody>
      </p:sp>
      <p:sp>
        <p:nvSpPr>
          <p:cNvPr id="12" name="OFF_logo1Computed" descr="{&quot;templafy&quot;:{&quot;id&quot;:&quot;f36494c2-d86a-4d12-a2b9-bd8d4a022590&quot;}}">
            <a:extLst>
              <a:ext uri="{FF2B5EF4-FFF2-40B4-BE49-F238E27FC236}">
                <a16:creationId xmlns:a16="http://schemas.microsoft.com/office/drawing/2014/main" id="{295F1ED3-E7A6-8E03-3171-374E099942CC}"/>
              </a:ext>
            </a:extLst>
          </p:cNvPr>
          <p:cNvSpPr/>
          <p:nvPr userDrawn="1"/>
        </p:nvSpPr>
        <p:spPr bwMode="auto">
          <a:xfrm>
            <a:off x="971999" y="5997600"/>
            <a:ext cx="1292020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echnical Scienc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  <a:p>
            <a:pPr lvl="5"/>
            <a:r>
              <a:rPr lang="da-DK" dirty="0"/>
              <a:t>6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1jr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5-05-2026</a:t>
            </a:fld>
            <a:endParaRPr lang="da-DK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 level</a:t>
            </a:r>
            <a:endParaRPr lang="da-DK" dirty="0"/>
          </a:p>
          <a:p>
            <a:pPr lvl="6"/>
            <a:r>
              <a:rPr lang="da-DK" noProof="0" dirty="0"/>
              <a:t>7 level</a:t>
            </a:r>
            <a:endParaRPr lang="da-DK" dirty="0"/>
          </a:p>
          <a:p>
            <a:pPr lvl="7"/>
            <a:r>
              <a:rPr lang="da-DK" noProof="0" dirty="0"/>
              <a:t>8 level</a:t>
            </a:r>
            <a:endParaRPr lang="da-DK" dirty="0"/>
          </a:p>
          <a:p>
            <a:pPr lvl="8"/>
            <a:r>
              <a:rPr lang="da-DK" noProof="0" dirty="0"/>
              <a:t>9 level</a:t>
            </a:r>
            <a:endParaRPr lang="da-DK" dirty="0"/>
          </a:p>
        </p:txBody>
      </p:sp>
      <p:sp>
        <p:nvSpPr>
          <p:cNvPr id="5" name="Date_DateCustomA" descr="{&quot;templafy&quot;:{&quot;id&quot;:&quot;906c2e41-16de-49ff-aedc-30b8b4ebe421&quot;}}">
            <a:extLst>
              <a:ext uri="{FF2B5EF4-FFF2-40B4-BE49-F238E27FC236}">
                <a16:creationId xmlns:a16="http://schemas.microsoft.com/office/drawing/2014/main" id="{2DB864AE-EC00-948C-4AD8-CC3FC72BC82F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7. maj 2026</a:t>
            </a:r>
          </a:p>
        </p:txBody>
      </p:sp>
      <p:sp>
        <p:nvSpPr>
          <p:cNvPr id="4" name="FLD_Event" descr="{&quot;templafy&quot;:{&quot;id&quot;:&quot;adb8bb8c-ae8b-4891-921e-b02191a5eb96&quot;}}">
            <a:extLst>
              <a:ext uri="{FF2B5EF4-FFF2-40B4-BE49-F238E27FC236}">
                <a16:creationId xmlns:a16="http://schemas.microsoft.com/office/drawing/2014/main" id="{D0C255F4-97F5-2F16-C830-C233FA325C1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NAV </a:t>
            </a: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methane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webinar</a:t>
            </a:r>
          </a:p>
        </p:txBody>
      </p:sp>
      <p:sp>
        <p:nvSpPr>
          <p:cNvPr id="28" name="USR_Title" descr="{&quot;templafy&quot;:{&quot;id&quot;:&quot;29459e1d-93e9-4a12-b8c7-18585ad7ca06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eniorrådgiver</a:t>
            </a:r>
          </a:p>
        </p:txBody>
      </p:sp>
      <p:sp>
        <p:nvSpPr>
          <p:cNvPr id="21" name="USR_Name" descr="{&quot;templafy&quot;:{&quot;id&quot;:&quot;51571b2e-0893-4641-9ee3-d3516726f2fd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Trine Michelle Villumsen</a:t>
            </a:r>
          </a:p>
        </p:txBody>
      </p:sp>
      <p:pic>
        <p:nvPicPr>
          <p:cNvPr id="8" name="SecondaryLogo_sort" descr="{&quot;templafy&quot;:{&quot;id&quot;:&quot;7a8307be-4c01-430e-aeb1-a4eabc2263a3&quot;}}">
            <a:extLst>
              <a:ext uri="{FF2B5EF4-FFF2-40B4-BE49-F238E27FC236}">
                <a16:creationId xmlns:a16="http://schemas.microsoft.com/office/drawing/2014/main" id="{36FB51DB-925C-00E2-9B23-EF537F9A19ED}"/>
              </a:ext>
            </a:extLst>
          </p:cNvPr>
          <p:cNvPicPr>
            <a:picLocks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06001" y="5999002"/>
            <a:ext cx="1659807" cy="558070"/>
          </a:xfrm>
          <a:prstGeom prst="rect">
            <a:avLst/>
          </a:prstGeom>
        </p:spPr>
      </p:pic>
      <p:sp>
        <p:nvSpPr>
          <p:cNvPr id="25" name="OFF_logo2Computed" descr="{&quot;templafy&quot;:{&quot;id&quot;:&quot;7bf7367c-31be-432f-8831-ac265a922f03&quot;}}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et</a:t>
            </a:r>
          </a:p>
        </p:txBody>
      </p:sp>
      <p:sp>
        <p:nvSpPr>
          <p:cNvPr id="26" name="OFF_logo1Computed" descr="{&quot;templafy&quot;:{&quot;id&quot;:&quot;bfc704e7-03f8-4071-b7d2-e8246ea1a02c&quot;}}"/>
          <p:cNvSpPr/>
          <p:nvPr userDrawn="1"/>
        </p:nvSpPr>
        <p:spPr bwMode="auto">
          <a:xfrm>
            <a:off x="971999" y="5997600"/>
            <a:ext cx="1292020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Technical Sciences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5.png"/><Relationship Id="rId4" Type="http://schemas.openxmlformats.org/officeDocument/2006/relationships/image" Target="../media/image34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9.pn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7" Type="http://schemas.openxmlformats.org/officeDocument/2006/relationships/image" Target="../media/image4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44.png"/><Relationship Id="rId5" Type="http://schemas.openxmlformats.org/officeDocument/2006/relationships/image" Target="../media/image43.png"/><Relationship Id="rId4" Type="http://schemas.openxmlformats.org/officeDocument/2006/relationships/image" Target="../media/image42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5" Type="http://schemas.openxmlformats.org/officeDocument/2006/relationships/image" Target="../media/image46.png"/><Relationship Id="rId4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Relationship Id="rId5" Type="http://schemas.openxmlformats.org/officeDocument/2006/relationships/notesSlide" Target="../notesSlides/notesSlide9.xml"/><Relationship Id="rId4" Type="http://schemas.openxmlformats.org/officeDocument/2006/relationships/slideLayout" Target="../slideLayouts/slideLayout20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5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Relationship Id="rId9" Type="http://schemas.openxmlformats.org/officeDocument/2006/relationships/image" Target="../media/image2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US" noProof="1"/>
              <a:t>From raw data to phenotype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8E8078-AC3A-294E-FB83-4763B24263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Current data prepar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AD03405-EF68-B46B-CE3F-D600E7FEEA8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600" noProof="1"/>
              <a:t>2- step procedure:</a:t>
            </a:r>
          </a:p>
          <a:p>
            <a:pPr lvl="1"/>
            <a:endParaRPr lang="en-US" sz="3600" noProof="1"/>
          </a:p>
          <a:p>
            <a:pPr lvl="1"/>
            <a:r>
              <a:rPr lang="en-US" sz="3600" noProof="1"/>
              <a:t>Time alignment &amp; quality control</a:t>
            </a:r>
          </a:p>
          <a:p>
            <a:pPr lvl="1"/>
            <a:r>
              <a:rPr lang="en-US" sz="3600" noProof="1"/>
              <a:t>Phenotype cre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DEFEA6-F6A4-D504-8FC0-6D428DF954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3BD52-84B6-4201-8E59-1BD2F3316DC1}" type="datetime1">
              <a:rPr lang="en-US" noProof="1" smtClean="0"/>
              <a:t>5/25/2026</a:t>
            </a:fld>
            <a:endParaRPr lang="en-US" noProof="1"/>
          </a:p>
        </p:txBody>
      </p:sp>
    </p:spTree>
    <p:extLst>
      <p:ext uri="{BB962C8B-B14F-4D97-AF65-F5344CB8AC3E}">
        <p14:creationId xmlns:p14="http://schemas.microsoft.com/office/powerpoint/2010/main" val="176781787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5023BC-CC7C-CFB7-FD81-3565405A7E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Automatized pipe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D86C876-34FD-386A-4230-C2A1DFA186C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9FA95B-C1EE-24D5-C521-A0F9674136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D8E17B-A493-4B88-9F0A-A91901C8A3DE}" type="datetime1">
              <a:rPr lang="en-US" noProof="1" smtClean="0"/>
              <a:t>5/25/2026</a:t>
            </a:fld>
            <a:r>
              <a:rPr lang="en-US" noProof="1"/>
              <a:t>23/05/2024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CCFD865-36D1-1A4E-6495-3A9306AF57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5077" y="1124744"/>
            <a:ext cx="10821910" cy="4925112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FB25C9A5-ECE6-E8B6-F0B0-3DAA672D7C87}"/>
              </a:ext>
            </a:extLst>
          </p:cNvPr>
          <p:cNvSpPr/>
          <p:nvPr/>
        </p:nvSpPr>
        <p:spPr bwMode="auto">
          <a:xfrm>
            <a:off x="4294212" y="1268760"/>
            <a:ext cx="6932775" cy="478109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548302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5023BC-CC7C-CFB7-FD81-3565405A7E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Automatized pipe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D86C876-34FD-386A-4230-C2A1DFA186C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9FA95B-C1EE-24D5-C521-A0F9674136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D8E17B-A493-4B88-9F0A-A91901C8A3DE}" type="datetime1">
              <a:rPr lang="en-US" noProof="1" smtClean="0"/>
              <a:t>5/25/2026</a:t>
            </a:fld>
            <a:r>
              <a:rPr lang="en-US" noProof="1"/>
              <a:t>23/05/2024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CCFD865-36D1-1A4E-6495-3A9306AF57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077" y="1124744"/>
            <a:ext cx="10821910" cy="4925112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01B63756-DB6C-519E-301A-99EC9E2FDD85}"/>
              </a:ext>
            </a:extLst>
          </p:cNvPr>
          <p:cNvSpPr/>
          <p:nvPr/>
        </p:nvSpPr>
        <p:spPr bwMode="auto">
          <a:xfrm>
            <a:off x="5950396" y="1268760"/>
            <a:ext cx="5276591" cy="478109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1804932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291E15B-16AF-6AEA-7346-0956BBDC6FD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3E4162-9C55-72C8-D172-C7C566383A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Automatized pipe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9CA3D8-C022-2F79-FB88-6FC4B4BF88E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9B64BC-2FA2-67FE-A75E-7E26A63D9B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D8E17B-A493-4B88-9F0A-A91901C8A3DE}" type="datetime1">
              <a:rPr lang="en-US" noProof="1" smtClean="0"/>
              <a:t>5/25/2026</a:t>
            </a:fld>
            <a:r>
              <a:rPr lang="en-US" noProof="1"/>
              <a:t>23/05/2024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5C1F92C-D409-C7ED-175F-783C5DB1662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077" y="1124744"/>
            <a:ext cx="10821910" cy="4925112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8DA61577-4D0A-CC28-1F27-C4C25A37E47E}"/>
              </a:ext>
            </a:extLst>
          </p:cNvPr>
          <p:cNvSpPr/>
          <p:nvPr/>
        </p:nvSpPr>
        <p:spPr bwMode="auto">
          <a:xfrm>
            <a:off x="9622804" y="1268760"/>
            <a:ext cx="1604183" cy="478109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8072471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8CA3733-8045-8B44-9254-2125087523D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9D2F0C-8E9D-1974-BCD2-6FE9F056EF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Automatized pipe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D9F2502-D40D-C85C-34CF-0ABDE4E0011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BF65EF-6657-7C03-7653-E1A98B2284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D8E17B-A493-4B88-9F0A-A91901C8A3DE}" type="datetime1">
              <a:rPr lang="en-US" noProof="1" smtClean="0"/>
              <a:t>5/25/2026</a:t>
            </a:fld>
            <a:r>
              <a:rPr lang="en-US" noProof="1"/>
              <a:t>23/05/2024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598B5E3-8FC5-26E4-7098-1311BC59850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077" y="1124744"/>
            <a:ext cx="10821910" cy="49251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588022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EC417A0-2A29-2305-3E1D-A697D46DB07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5A1247-9988-88DC-F0F2-CD9B93CF08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noProof="1"/>
              <a:t>Time synchronization &amp; Quality contro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2C2132F-556C-DE75-88C0-1F074D52674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B33FEB-9BC3-8F27-4D94-5A8E1C8686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D8E17B-A493-4B88-9F0A-A91901C8A3DE}" type="datetime1">
              <a:rPr lang="en-US" noProof="1" smtClean="0"/>
              <a:t>5/25/2026</a:t>
            </a:fld>
            <a:r>
              <a:rPr lang="en-US" noProof="1"/>
              <a:t>23/05/2024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A376D64-A07B-08B9-661C-001F7910D8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077" y="1124744"/>
            <a:ext cx="10821910" cy="4925112"/>
          </a:xfrm>
          <a:prstGeom prst="rect">
            <a:avLst/>
          </a:prstGeom>
        </p:spPr>
      </p:pic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D5FAB2D4-B63B-0227-B16D-A92114CAE873}"/>
              </a:ext>
            </a:extLst>
          </p:cNvPr>
          <p:cNvSpPr/>
          <p:nvPr/>
        </p:nvSpPr>
        <p:spPr bwMode="auto">
          <a:xfrm>
            <a:off x="4078188" y="1229004"/>
            <a:ext cx="2592288" cy="4820852"/>
          </a:xfrm>
          <a:prstGeom prst="roundRect">
            <a:avLst/>
          </a:prstGeom>
          <a:noFill/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5072477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A47FC23-B351-248F-D492-630939E944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5D6456-A11C-4D5F-9D84-D8FF4CAEEF3D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3553528-D478-A5AE-4ECF-F1D1657643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2" y="228627"/>
            <a:ext cx="11755163" cy="752101"/>
          </a:xfrm>
        </p:spPr>
        <p:txBody>
          <a:bodyPr/>
          <a:lstStyle/>
          <a:p>
            <a:r>
              <a:rPr lang="en-US" sz="4000" noProof="1"/>
              <a:t>Time synchronization and quality control</a:t>
            </a:r>
          </a:p>
        </p:txBody>
      </p:sp>
      <p:pic>
        <p:nvPicPr>
          <p:cNvPr id="3" name="Billede 6">
            <a:extLst>
              <a:ext uri="{FF2B5EF4-FFF2-40B4-BE49-F238E27FC236}">
                <a16:creationId xmlns:a16="http://schemas.microsoft.com/office/drawing/2014/main" id="{94E223EC-19D3-49F7-A338-AC3CCB935F2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9836" y="1796803"/>
            <a:ext cx="6527534" cy="2095682"/>
          </a:xfrm>
          <a:prstGeom prst="rect">
            <a:avLst/>
          </a:prstGeom>
        </p:spPr>
      </p:pic>
      <p:pic>
        <p:nvPicPr>
          <p:cNvPr id="5" name="Billede 5">
            <a:extLst>
              <a:ext uri="{FF2B5EF4-FFF2-40B4-BE49-F238E27FC236}">
                <a16:creationId xmlns:a16="http://schemas.microsoft.com/office/drawing/2014/main" id="{E9D86176-8DDA-9B77-7DEF-6AE4A0055FD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6331369" y="4038024"/>
            <a:ext cx="5008431" cy="220960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44DA7EA-F39F-E25C-5E14-6593B303EBF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02724" y="1799845"/>
            <a:ext cx="1699407" cy="20956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720984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F71A32E-B582-A6A9-3F1F-10A7869AE0D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3551E5-F004-882C-96B3-B6FDBAEEC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9796" y="48723"/>
            <a:ext cx="11556000" cy="752101"/>
          </a:xfrm>
        </p:spPr>
        <p:txBody>
          <a:bodyPr/>
          <a:lstStyle/>
          <a:p>
            <a:r>
              <a:rPr lang="en-US" sz="4000" noProof="1"/>
              <a:t>Splitting records in cow and base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258352-F4EB-360B-97C5-2603C6049AD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B261D1-EF7D-3006-5818-AA74D29DD4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D8E17B-A493-4B88-9F0A-A91901C8A3DE}" type="datetime1">
              <a:rPr lang="en-US" noProof="1" smtClean="0"/>
              <a:t>5/25/2026</a:t>
            </a:fld>
            <a:r>
              <a:rPr lang="en-US" noProof="1"/>
              <a:t>23/05/2024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B8712DD-0687-F5CA-AB2B-D15D2ABB25F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5077" y="1124744"/>
            <a:ext cx="10821910" cy="4925112"/>
          </a:xfrm>
          <a:prstGeom prst="rect">
            <a:avLst/>
          </a:prstGeom>
        </p:spPr>
      </p:pic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096AA9FE-E854-D8D3-51FF-F51D75A3B794}"/>
              </a:ext>
            </a:extLst>
          </p:cNvPr>
          <p:cNvSpPr/>
          <p:nvPr/>
        </p:nvSpPr>
        <p:spPr bwMode="auto">
          <a:xfrm>
            <a:off x="6598468" y="1124744"/>
            <a:ext cx="2952328" cy="4925112"/>
          </a:xfrm>
          <a:prstGeom prst="roundRect">
            <a:avLst/>
          </a:prstGeom>
          <a:noFill/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2531838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E6DA0E-975E-4B4C-BAE3-12E68056F4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noProof="1"/>
              <a:t>animal and baseline gas concentra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C32E35-6A35-2CC9-65E5-6D07EB8A176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noProof="1"/>
              <a:t>Mikling periods: cow data</a:t>
            </a:r>
          </a:p>
          <a:p>
            <a:r>
              <a:rPr lang="en-US" noProof="1"/>
              <a:t>Non-milking periods: baseline data</a:t>
            </a:r>
          </a:p>
          <a:p>
            <a:endParaRPr lang="en-US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EC26BA-B46D-598F-44E2-61C87E648B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65DF1A-599D-4A43-99AE-ED730A4B23E7}" type="datetime1">
              <a:rPr lang="en-US" noProof="1" smtClean="0"/>
              <a:t>5/25/2026</a:t>
            </a:fld>
            <a:r>
              <a:rPr lang="en-US" noProof="1"/>
              <a:t>20/11/2024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B9F5885-D89B-5D64-0FA1-2D9F0C9CEEF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97868" y="2665063"/>
            <a:ext cx="9068586" cy="2827265"/>
          </a:xfrm>
          <a:prstGeom prst="rect">
            <a:avLst/>
          </a:prstGeom>
        </p:spPr>
      </p:pic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75F66F54-23C0-3729-5918-BF14917339AE}"/>
              </a:ext>
            </a:extLst>
          </p:cNvPr>
          <p:cNvCxnSpPr/>
          <p:nvPr/>
        </p:nvCxnSpPr>
        <p:spPr bwMode="auto">
          <a:xfrm>
            <a:off x="2061964" y="3645024"/>
            <a:ext cx="0" cy="187220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dash"/>
            <a:round/>
            <a:headEnd type="none" w="med" len="med"/>
            <a:tailEnd type="none" w="med" len="med"/>
          </a:ln>
          <a:effectLst/>
        </p:spPr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8AD8A5-D2A9-B3DF-9CE3-7F114F4FD862}"/>
              </a:ext>
            </a:extLst>
          </p:cNvPr>
          <p:cNvCxnSpPr/>
          <p:nvPr/>
        </p:nvCxnSpPr>
        <p:spPr bwMode="auto">
          <a:xfrm>
            <a:off x="5590356" y="3645024"/>
            <a:ext cx="0" cy="187220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dash"/>
            <a:round/>
            <a:headEnd type="none" w="med" len="med"/>
            <a:tailEnd type="none" w="med" len="med"/>
          </a:ln>
          <a:effectLst/>
        </p:spPr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8387D9BE-405C-0D98-F0AC-724C311A9284}"/>
              </a:ext>
            </a:extLst>
          </p:cNvPr>
          <p:cNvCxnSpPr/>
          <p:nvPr/>
        </p:nvCxnSpPr>
        <p:spPr bwMode="auto">
          <a:xfrm>
            <a:off x="6526460" y="3645024"/>
            <a:ext cx="0" cy="187220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dash"/>
            <a:round/>
            <a:headEnd type="none" w="med" len="med"/>
            <a:tailEnd type="none" w="med" len="med"/>
          </a:ln>
          <a:effectLst/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79149BE-86CA-0D43-95FC-346EB23AD75A}"/>
              </a:ext>
            </a:extLst>
          </p:cNvPr>
          <p:cNvCxnSpPr/>
          <p:nvPr/>
        </p:nvCxnSpPr>
        <p:spPr bwMode="auto">
          <a:xfrm>
            <a:off x="9694812" y="3573016"/>
            <a:ext cx="0" cy="187220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dash"/>
            <a:round/>
            <a:headEnd type="none" w="med" len="med"/>
            <a:tailEnd type="none" w="med" len="med"/>
          </a:ln>
          <a:effectLst/>
        </p:spPr>
      </p:cxnSp>
      <p:sp>
        <p:nvSpPr>
          <p:cNvPr id="15" name="TextBox 14">
            <a:extLst>
              <a:ext uri="{FF2B5EF4-FFF2-40B4-BE49-F238E27FC236}">
                <a16:creationId xmlns:a16="http://schemas.microsoft.com/office/drawing/2014/main" id="{1EF37790-468A-CDF8-B9E8-91596FE31C46}"/>
              </a:ext>
            </a:extLst>
          </p:cNvPr>
          <p:cNvSpPr txBox="1"/>
          <p:nvPr/>
        </p:nvSpPr>
        <p:spPr>
          <a:xfrm>
            <a:off x="1229470" y="3223273"/>
            <a:ext cx="953857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noProof="1">
                <a:latin typeface="+mn-lt"/>
              </a:rPr>
              <a:t>baseline                                 cow                                  baseline                          cow                                  baseline</a:t>
            </a:r>
          </a:p>
        </p:txBody>
      </p:sp>
    </p:spTree>
    <p:extLst>
      <p:ext uri="{BB962C8B-B14F-4D97-AF65-F5344CB8AC3E}">
        <p14:creationId xmlns:p14="http://schemas.microsoft.com/office/powerpoint/2010/main" val="388927584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DB12DA-916E-BCBF-F4F0-E21FF2A98C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Baseline Gas concentration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0BA169-44C3-51B8-9AA0-DA2834BEA3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99DA42-F437-422A-997E-6D1669C16B9B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619BB21-5753-5823-DF4B-7CCBDE24AE2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051" t="6989" r="50376" b="22791"/>
          <a:stretch/>
        </p:blipFill>
        <p:spPr>
          <a:xfrm>
            <a:off x="6052369" y="1196752"/>
            <a:ext cx="5410301" cy="3888432"/>
          </a:xfrm>
          <a:prstGeom prst="rect">
            <a:avLst/>
          </a:prstGeom>
        </p:spPr>
      </p:pic>
      <p:sp>
        <p:nvSpPr>
          <p:cNvPr id="22" name="Arrow: Down 21">
            <a:extLst>
              <a:ext uri="{FF2B5EF4-FFF2-40B4-BE49-F238E27FC236}">
                <a16:creationId xmlns:a16="http://schemas.microsoft.com/office/drawing/2014/main" id="{51BD88C6-00FA-9DE4-34CB-C63097CDA108}"/>
              </a:ext>
            </a:extLst>
          </p:cNvPr>
          <p:cNvSpPr/>
          <p:nvPr/>
        </p:nvSpPr>
        <p:spPr bwMode="auto">
          <a:xfrm rot="14971628">
            <a:off x="6444615" y="2630830"/>
            <a:ext cx="292242" cy="3622930"/>
          </a:xfrm>
          <a:prstGeom prst="downArrow">
            <a:avLst>
              <a:gd name="adj1" fmla="val 48205"/>
              <a:gd name="adj2" fmla="val 50000"/>
            </a:avLst>
          </a:prstGeom>
          <a:solidFill>
            <a:srgbClr val="C00000"/>
          </a:solidFill>
          <a:ln w="1778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1B9DE82-8249-CAF4-1141-AE79A079C616}"/>
              </a:ext>
            </a:extLst>
          </p:cNvPr>
          <p:cNvSpPr txBox="1"/>
          <p:nvPr/>
        </p:nvSpPr>
        <p:spPr>
          <a:xfrm>
            <a:off x="45740" y="1320928"/>
            <a:ext cx="7084540" cy="49430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000" noProof="1"/>
              <a:t>Baseline concentration modelling:</a:t>
            </a:r>
          </a:p>
          <a:p>
            <a:r>
              <a:rPr lang="en-US" sz="2000" noProof="1"/>
              <a:t>-AMS</a:t>
            </a:r>
          </a:p>
          <a:p>
            <a:r>
              <a:rPr lang="en-US" sz="2000" noProof="1"/>
              <a:t>-Date</a:t>
            </a:r>
          </a:p>
          <a:p>
            <a:r>
              <a:rPr lang="en-US" sz="2000" noProof="1"/>
              <a:t>-Time of day</a:t>
            </a:r>
          </a:p>
          <a:p>
            <a:r>
              <a:rPr lang="en-US" sz="2000" noProof="1"/>
              <a:t>-Duration of idle period</a:t>
            </a:r>
          </a:p>
          <a:p>
            <a:r>
              <a:rPr lang="en-US" sz="2400" noProof="1"/>
              <a:t> </a:t>
            </a:r>
          </a:p>
          <a:p>
            <a:endParaRPr lang="en-US" sz="2400" noProof="1"/>
          </a:p>
          <a:p>
            <a:endParaRPr lang="en-US" sz="2800" noProof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A10AC9D-FC45-F450-F61B-C829D74D254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153677" y="3853264"/>
            <a:ext cx="1940236" cy="2415876"/>
          </a:xfrm>
          <a:prstGeom prst="rect">
            <a:avLst/>
          </a:prstGeom>
        </p:spPr>
      </p:pic>
      <p:sp>
        <p:nvSpPr>
          <p:cNvPr id="10" name="Arrow: Down 9">
            <a:extLst>
              <a:ext uri="{FF2B5EF4-FFF2-40B4-BE49-F238E27FC236}">
                <a16:creationId xmlns:a16="http://schemas.microsoft.com/office/drawing/2014/main" id="{2AA4CD69-18D3-6299-E0F6-15379E0C8E48}"/>
              </a:ext>
            </a:extLst>
          </p:cNvPr>
          <p:cNvSpPr/>
          <p:nvPr/>
        </p:nvSpPr>
        <p:spPr bwMode="auto">
          <a:xfrm rot="15908362">
            <a:off x="6186815" y="506170"/>
            <a:ext cx="309918" cy="2769322"/>
          </a:xfrm>
          <a:prstGeom prst="downArrow">
            <a:avLst/>
          </a:prstGeom>
          <a:solidFill>
            <a:srgbClr val="C00000"/>
          </a:solidFill>
          <a:ln w="1778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0F40CE81-D34B-2411-28B7-0FEC8900FDB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30672" y="997502"/>
            <a:ext cx="1917013" cy="26565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685764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5C39E1-8B87-328E-4C3D-23F3CA85F0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Methane Sniff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01B542-AA21-1865-9180-8A56457580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58309-F0A6-4DF7-B852-C6A5B3B5F348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BCA0454A-FAE5-59D8-1158-8158AB12A0B3}"/>
              </a:ext>
            </a:extLst>
          </p:cNvPr>
          <p:cNvSpPr txBox="1">
            <a:spLocks/>
          </p:cNvSpPr>
          <p:nvPr/>
        </p:nvSpPr>
        <p:spPr bwMode="auto">
          <a:xfrm>
            <a:off x="315913" y="1355905"/>
            <a:ext cx="10220325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noProof="1"/>
              <a:t>Pros:</a:t>
            </a:r>
          </a:p>
          <a:p>
            <a:r>
              <a:rPr lang="en-US" kern="0" noProof="1"/>
              <a:t>Relatively cheap –cost effective</a:t>
            </a:r>
          </a:p>
          <a:p>
            <a:r>
              <a:rPr lang="en-US" kern="0" noProof="1"/>
              <a:t>Not invasive</a:t>
            </a:r>
          </a:p>
          <a:p>
            <a:r>
              <a:rPr lang="en-US" kern="0" noProof="1"/>
              <a:t>Many records</a:t>
            </a:r>
          </a:p>
          <a:p>
            <a:endParaRPr lang="en-US" kern="0" noProof="1"/>
          </a:p>
        </p:txBody>
      </p:sp>
      <p:sp>
        <p:nvSpPr>
          <p:cNvPr id="6" name="Date Placeholder 3">
            <a:extLst>
              <a:ext uri="{FF2B5EF4-FFF2-40B4-BE49-F238E27FC236}">
                <a16:creationId xmlns:a16="http://schemas.microsoft.com/office/drawing/2014/main" id="{AA8CBBC6-FBEC-1AC2-CB79-ECFD3C48F7C9}"/>
              </a:ext>
            </a:extLst>
          </p:cNvPr>
          <p:cNvSpPr txBox="1">
            <a:spLocks/>
          </p:cNvSpPr>
          <p:nvPr/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100" kern="1200">
                <a:noFill/>
                <a:latin typeface="AU Passata" pitchFamily="34" charset="0"/>
                <a:ea typeface="+mn-ea"/>
                <a:cs typeface="+mn-cs"/>
              </a:defRPr>
            </a:lvl1pPr>
            <a:lvl2pPr marL="60949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2pPr>
            <a:lvl3pPr marL="1218987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3pPr>
            <a:lvl4pPr marL="1828480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4pPr>
            <a:lvl5pPr marL="243797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5pPr>
            <a:lvl6pPr marL="304746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6pPr>
            <a:lvl7pPr marL="3656960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7pPr>
            <a:lvl8pPr marL="4266453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8pPr>
            <a:lvl9pPr marL="487594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9pPr>
          </a:lstStyle>
          <a:p>
            <a:fld id="{C080763C-9B7E-4E5C-8DF3-DBCCACF64BBF}" type="datetime1">
              <a:rPr lang="en-US" noProof="1" smtClean="0"/>
              <a:pPr/>
              <a:t>5/25/2026</a:t>
            </a:fld>
            <a:r>
              <a:rPr lang="en-US" noProof="1"/>
              <a:t>28/08/2023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6B37722-8A9C-0333-9DC8-517B62E0AF5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18148" y="1983149"/>
            <a:ext cx="7570604" cy="42692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656502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EE0DC28-E390-8919-3D49-7B135887BB5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109A08-FC8F-516A-454B-556B4E030B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9796" y="48723"/>
            <a:ext cx="11556000" cy="752101"/>
          </a:xfrm>
        </p:spPr>
        <p:txBody>
          <a:bodyPr/>
          <a:lstStyle/>
          <a:p>
            <a:r>
              <a:rPr lang="en-US" sz="4000" noProof="1"/>
              <a:t>Individual animal record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C1FAC2E-8E61-3273-BB02-3F6A452CE37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6808D2-43B7-BB8B-7C6F-B0FD1F2ADF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D8E17B-A493-4B88-9F0A-A91901C8A3DE}" type="datetime1">
              <a:rPr lang="en-US" noProof="1" smtClean="0"/>
              <a:t>5/25/2026</a:t>
            </a:fld>
            <a:r>
              <a:rPr lang="en-US" noProof="1"/>
              <a:t>23/05/2024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EAD58E0-CCE8-965A-D09D-B1944E1D540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5077" y="1124744"/>
            <a:ext cx="10821910" cy="4925112"/>
          </a:xfrm>
          <a:prstGeom prst="rect">
            <a:avLst/>
          </a:prstGeom>
        </p:spPr>
      </p:pic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831274E2-4C74-C2F7-9163-AAEB86648678}"/>
              </a:ext>
            </a:extLst>
          </p:cNvPr>
          <p:cNvSpPr/>
          <p:nvPr/>
        </p:nvSpPr>
        <p:spPr bwMode="auto">
          <a:xfrm>
            <a:off x="6670476" y="1466732"/>
            <a:ext cx="2721383" cy="1314196"/>
          </a:xfrm>
          <a:prstGeom prst="roundRect">
            <a:avLst/>
          </a:prstGeom>
          <a:noFill/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5318699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E3B773-6797-57E6-A514-9D59E01AE5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Records corrected for base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DC2239-D542-C18C-F979-8E1D878129A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noProof="1"/>
              <a:t>Gas concentrations are reduced after baseline correc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076A2C-AF8C-AB2B-EE19-C4AF70366A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4B46BA-678C-459E-919F-2CA5A176BD87}" type="datetime1">
              <a:rPr lang="en-US" noProof="1" smtClean="0"/>
              <a:t>25-05-2026</a:t>
            </a:fld>
            <a:endParaRPr lang="en-US" noProof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A315D20-701C-D3AF-3EE0-507B9AFECCB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64594" y="2287980"/>
            <a:ext cx="9731583" cy="31778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331398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A9C4B9-7E9B-326B-8A12-77A152F25C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Filter for ”head lifting”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4A5F89-2BB6-19F4-26F3-A8D45CAF08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5F8A9E-2C35-450F-A0AA-4C40F264B79D}" type="datetime1">
              <a:rPr lang="en-US" noProof="1" smtClean="0"/>
              <a:t>25/05/2026</a:t>
            </a:fld>
            <a:r>
              <a:rPr lang="en-US" noProof="1"/>
              <a:t>02/11/2023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967E7D92-656F-DE09-B476-F67E570049E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678588" y="1291384"/>
            <a:ext cx="4107031" cy="285856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56D4022C-7CAB-AA2A-9C16-3A6535293CA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14194"/>
          <a:stretch/>
        </p:blipFill>
        <p:spPr>
          <a:xfrm>
            <a:off x="7883711" y="4221088"/>
            <a:ext cx="1848392" cy="227608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EB9D5F8C-619D-5C6F-A894-F80E4A81425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17541"/>
          <a:stretch/>
        </p:blipFill>
        <p:spPr>
          <a:xfrm>
            <a:off x="5830196" y="1513831"/>
            <a:ext cx="1848392" cy="2276084"/>
          </a:xfrm>
          <a:prstGeom prst="rect">
            <a:avLst/>
          </a:prstGeom>
        </p:spPr>
      </p:pic>
      <p:sp>
        <p:nvSpPr>
          <p:cNvPr id="9" name="Arrow: Down 8">
            <a:extLst>
              <a:ext uri="{FF2B5EF4-FFF2-40B4-BE49-F238E27FC236}">
                <a16:creationId xmlns:a16="http://schemas.microsoft.com/office/drawing/2014/main" id="{C6B4A69C-4048-7DDD-C86F-D569356E656A}"/>
              </a:ext>
            </a:extLst>
          </p:cNvPr>
          <p:cNvSpPr/>
          <p:nvPr/>
        </p:nvSpPr>
        <p:spPr bwMode="auto">
          <a:xfrm rot="13389852">
            <a:off x="9593377" y="3491286"/>
            <a:ext cx="115156" cy="1222650"/>
          </a:xfrm>
          <a:prstGeom prst="downArrow">
            <a:avLst>
              <a:gd name="adj1" fmla="val 60627"/>
              <a:gd name="adj2" fmla="val 50000"/>
            </a:avLst>
          </a:prstGeom>
          <a:solidFill>
            <a:srgbClr val="C00000"/>
          </a:solidFill>
          <a:ln w="1778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Arrow: Down 9">
            <a:extLst>
              <a:ext uri="{FF2B5EF4-FFF2-40B4-BE49-F238E27FC236}">
                <a16:creationId xmlns:a16="http://schemas.microsoft.com/office/drawing/2014/main" id="{01A9544D-1E51-CA14-888E-CCE4A38211D9}"/>
              </a:ext>
            </a:extLst>
          </p:cNvPr>
          <p:cNvSpPr/>
          <p:nvPr/>
        </p:nvSpPr>
        <p:spPr bwMode="auto">
          <a:xfrm rot="16200000" flipH="1">
            <a:off x="8082666" y="2049915"/>
            <a:ext cx="126129" cy="1330046"/>
          </a:xfrm>
          <a:prstGeom prst="downArrow">
            <a:avLst/>
          </a:prstGeom>
          <a:solidFill>
            <a:srgbClr val="C00000"/>
          </a:solidFill>
          <a:ln w="1778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C5E9DD7-547C-147A-A93A-1BD11766ECC4}"/>
              </a:ext>
            </a:extLst>
          </p:cNvPr>
          <p:cNvSpPr txBox="1">
            <a:spLocks/>
          </p:cNvSpPr>
          <p:nvPr/>
        </p:nvSpPr>
        <p:spPr bwMode="auto">
          <a:xfrm>
            <a:off x="483686" y="1889263"/>
            <a:ext cx="5184576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noProof="1"/>
              <a:t>Only keep gas records where both methane and carbon dioxide are clearly higher than the normal background level</a:t>
            </a:r>
          </a:p>
          <a:p>
            <a:endParaRPr lang="en-US" noProof="1"/>
          </a:p>
          <a:p>
            <a:r>
              <a:rPr lang="en-US" noProof="1"/>
              <a:t>Indicate: </a:t>
            </a:r>
          </a:p>
          <a:p>
            <a:r>
              <a:rPr lang="en-US" noProof="1"/>
              <a:t>cow’s head is properly near the sensor/feed bin </a:t>
            </a:r>
          </a:p>
          <a:p>
            <a:r>
              <a:rPr lang="en-US" noProof="1"/>
              <a:t>measurements are reliable</a:t>
            </a:r>
          </a:p>
          <a:p>
            <a:endParaRPr lang="en-US" noProof="1"/>
          </a:p>
          <a:p>
            <a:endParaRPr lang="en-US" kern="0" noProof="1"/>
          </a:p>
          <a:p>
            <a:endParaRPr lang="en-US" kern="0" noProof="1"/>
          </a:p>
          <a:p>
            <a:endParaRPr lang="en-US" kern="0" noProof="1"/>
          </a:p>
        </p:txBody>
      </p:sp>
    </p:spTree>
    <p:extLst>
      <p:ext uri="{BB962C8B-B14F-4D97-AF65-F5344CB8AC3E}">
        <p14:creationId xmlns:p14="http://schemas.microsoft.com/office/powerpoint/2010/main" val="48348849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58305BE-B123-243A-9927-105B9464CCD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B2A9F0-2CDA-9793-705C-0C0CEF4425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9796" y="48723"/>
            <a:ext cx="11556000" cy="752101"/>
          </a:xfrm>
        </p:spPr>
        <p:txBody>
          <a:bodyPr/>
          <a:lstStyle/>
          <a:p>
            <a:r>
              <a:rPr lang="en-US" sz="4000" noProof="1"/>
              <a:t>Visit phenotype prepar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B7BB6E4-0CE0-510C-AD66-88A65A29D22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277A29-B4C4-EF9D-838C-79297B0681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D8E17B-A493-4B88-9F0A-A91901C8A3DE}" type="datetime1">
              <a:rPr lang="en-US" noProof="1" smtClean="0"/>
              <a:t>5/25/2026</a:t>
            </a:fld>
            <a:r>
              <a:rPr lang="en-US" noProof="1"/>
              <a:t>23/05/2024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9A0E2A8-29C8-56FD-F05D-ADDF70F5742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3457" y="1052736"/>
            <a:ext cx="10821910" cy="4925112"/>
          </a:xfrm>
          <a:prstGeom prst="rect">
            <a:avLst/>
          </a:prstGeom>
        </p:spPr>
      </p:pic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109CEA98-1F87-9F93-D349-823295CF537E}"/>
              </a:ext>
            </a:extLst>
          </p:cNvPr>
          <p:cNvSpPr/>
          <p:nvPr/>
        </p:nvSpPr>
        <p:spPr bwMode="auto">
          <a:xfrm>
            <a:off x="9555565" y="1317296"/>
            <a:ext cx="1800200" cy="4271944"/>
          </a:xfrm>
          <a:prstGeom prst="roundRect">
            <a:avLst/>
          </a:prstGeom>
          <a:noFill/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0323210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FDFA9BA-38F5-25B1-532E-81656C3DB9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7419AC-5389-46AE-BC25-9010F7864044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7CD40AA4-9825-3261-1753-3604FDBF55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US" noProof="1"/>
              <a:t>Pruning of early and late records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33E5FBB5-CAFB-B424-D4B0-D22C5698F86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/>
          <a:p>
            <a:r>
              <a:rPr lang="en-US" noProof="1"/>
              <a:t>CH4 and CO2 from ~8000 milkings</a:t>
            </a:r>
          </a:p>
          <a:p>
            <a:endParaRPr lang="en-US" noProof="1"/>
          </a:p>
          <a:p>
            <a:r>
              <a:rPr lang="en-US" noProof="1"/>
              <a:t>Gas concentrations and std </a:t>
            </a:r>
          </a:p>
          <a:p>
            <a:r>
              <a:rPr lang="en-US" noProof="1"/>
              <a:t> </a:t>
            </a:r>
          </a:p>
          <a:p>
            <a:endParaRPr lang="en-US" noProof="1"/>
          </a:p>
          <a:p>
            <a:endParaRPr lang="en-US" noProof="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3EAA21D-0B74-423C-45E2-C7D705E6B09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90356" y="1376927"/>
            <a:ext cx="5712708" cy="4284321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12BD1B88-BE80-65C6-C3B4-37F163F12AF6}"/>
              </a:ext>
            </a:extLst>
          </p:cNvPr>
          <p:cNvSpPr txBox="1"/>
          <p:nvPr/>
        </p:nvSpPr>
        <p:spPr>
          <a:xfrm>
            <a:off x="8156518" y="4947997"/>
            <a:ext cx="818214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noProof="1">
                <a:latin typeface="+mn-lt"/>
              </a:rPr>
              <a:t>second</a:t>
            </a:r>
          </a:p>
        </p:txBody>
      </p:sp>
      <p:sp>
        <p:nvSpPr>
          <p:cNvPr id="9" name="Arrow: Down 8">
            <a:extLst>
              <a:ext uri="{FF2B5EF4-FFF2-40B4-BE49-F238E27FC236}">
                <a16:creationId xmlns:a16="http://schemas.microsoft.com/office/drawing/2014/main" id="{EB618A37-03C5-7504-49A5-583BE3A9352E}"/>
              </a:ext>
            </a:extLst>
          </p:cNvPr>
          <p:cNvSpPr/>
          <p:nvPr/>
        </p:nvSpPr>
        <p:spPr bwMode="auto">
          <a:xfrm>
            <a:off x="7774881" y="2163702"/>
            <a:ext cx="165431" cy="432048"/>
          </a:xfrm>
          <a:prstGeom prst="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Arrow: Down 9">
            <a:extLst>
              <a:ext uri="{FF2B5EF4-FFF2-40B4-BE49-F238E27FC236}">
                <a16:creationId xmlns:a16="http://schemas.microsoft.com/office/drawing/2014/main" id="{A3EB889D-D05F-5E04-93D3-8DA2927B3A0C}"/>
              </a:ext>
            </a:extLst>
          </p:cNvPr>
          <p:cNvSpPr/>
          <p:nvPr/>
        </p:nvSpPr>
        <p:spPr bwMode="auto">
          <a:xfrm>
            <a:off x="6903166" y="3511885"/>
            <a:ext cx="216024" cy="432048"/>
          </a:xfrm>
          <a:prstGeom prst="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2CC3090-B158-A73A-308C-524B91D24B3C}"/>
              </a:ext>
            </a:extLst>
          </p:cNvPr>
          <p:cNvSpPr txBox="1"/>
          <p:nvPr/>
        </p:nvSpPr>
        <p:spPr>
          <a:xfrm>
            <a:off x="6822825" y="3185937"/>
            <a:ext cx="37670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noProof="1">
                <a:latin typeface="+mn-lt"/>
              </a:rPr>
              <a:t>CH</a:t>
            </a:r>
            <a:r>
              <a:rPr lang="en-US" sz="1800" baseline="-25000" noProof="1">
                <a:latin typeface="+mn-lt"/>
              </a:rPr>
              <a:t>4</a:t>
            </a:r>
            <a:endParaRPr lang="en-US" sz="1600" baseline="-25000" noProof="1">
              <a:latin typeface="+mn-l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904E9E6-1D6B-A07E-8E76-C72F1DCA9888}"/>
              </a:ext>
            </a:extLst>
          </p:cNvPr>
          <p:cNvSpPr txBox="1"/>
          <p:nvPr/>
        </p:nvSpPr>
        <p:spPr>
          <a:xfrm>
            <a:off x="7657222" y="1765245"/>
            <a:ext cx="40075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noProof="1">
                <a:latin typeface="+mn-lt"/>
              </a:rPr>
              <a:t>CO</a:t>
            </a:r>
            <a:r>
              <a:rPr lang="en-US" sz="1800" baseline="-25000" noProof="1">
                <a:latin typeface="+mn-lt"/>
              </a:rPr>
              <a:t>2</a:t>
            </a:r>
            <a:endParaRPr lang="en-US" sz="1600" baseline="-25000" noProof="1">
              <a:latin typeface="+mn-lt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B4C9E8A2-1065-F380-4D3A-BFF70F9FC934}"/>
              </a:ext>
            </a:extLst>
          </p:cNvPr>
          <p:cNvSpPr/>
          <p:nvPr/>
        </p:nvSpPr>
        <p:spPr bwMode="auto">
          <a:xfrm>
            <a:off x="5518348" y="1628800"/>
            <a:ext cx="791271" cy="3168352"/>
          </a:xfrm>
          <a:prstGeom prst="roundRect">
            <a:avLst/>
          </a:prstGeom>
          <a:noFill/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648D747-8264-2508-AC8F-B71FC720CFCC}"/>
              </a:ext>
            </a:extLst>
          </p:cNvPr>
          <p:cNvSpPr txBox="1"/>
          <p:nvPr/>
        </p:nvSpPr>
        <p:spPr>
          <a:xfrm rot="16200000">
            <a:off x="5437397" y="2960948"/>
            <a:ext cx="593950" cy="23391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noProof="1">
                <a:latin typeface="+mn-lt"/>
              </a:rPr>
              <a:t>gas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B39AFFE1-3D5C-2AEA-70D3-2B0D80A809BD}"/>
              </a:ext>
            </a:extLst>
          </p:cNvPr>
          <p:cNvSpPr/>
          <p:nvPr/>
        </p:nvSpPr>
        <p:spPr bwMode="auto">
          <a:xfrm>
            <a:off x="7963770" y="1394890"/>
            <a:ext cx="818214" cy="23391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3093982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30AE50-84E0-55C4-DEEC-0023B26B2B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79EB30-9C13-46DC-98FD-60A126B8F6E5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594D29AF-4949-4EB3-4D6F-C7CB2A0DE2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US" noProof="1"/>
              <a:t>Pruning of early and late records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D8DF56F-A30B-3AC5-AFCE-9747287F168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/>
          <a:p>
            <a:r>
              <a:rPr lang="en-US" noProof="1"/>
              <a:t>CH4 and CO2 from ~8000 milkings</a:t>
            </a:r>
          </a:p>
          <a:p>
            <a:endParaRPr lang="en-US" noProof="1"/>
          </a:p>
          <a:p>
            <a:r>
              <a:rPr lang="en-US" noProof="1"/>
              <a:t>Gas concentrations and std </a:t>
            </a:r>
          </a:p>
          <a:p>
            <a:r>
              <a:rPr lang="en-US" noProof="1"/>
              <a:t> </a:t>
            </a:r>
          </a:p>
          <a:p>
            <a:r>
              <a:rPr lang="en-US" noProof="1"/>
              <a:t>Entrance</a:t>
            </a:r>
          </a:p>
          <a:p>
            <a:endParaRPr lang="en-US" noProof="1"/>
          </a:p>
          <a:p>
            <a:endParaRPr lang="en-US" noProof="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D965A64B-938A-CBFC-DD57-27B10A653E8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90356" y="1384149"/>
            <a:ext cx="5712708" cy="4284321"/>
          </a:xfrm>
          <a:prstGeom prst="rect">
            <a:avLst/>
          </a:prstGeom>
        </p:spPr>
      </p:pic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A7645F99-57C2-0C27-0A8A-E2849BA673FD}"/>
              </a:ext>
            </a:extLst>
          </p:cNvPr>
          <p:cNvSpPr/>
          <p:nvPr/>
        </p:nvSpPr>
        <p:spPr bwMode="auto">
          <a:xfrm>
            <a:off x="6227362" y="1662774"/>
            <a:ext cx="216024" cy="3096344"/>
          </a:xfrm>
          <a:prstGeom prst="roundRect">
            <a:avLst/>
          </a:prstGeom>
          <a:noFill/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B0E0022-8995-8520-1810-C6012C1A9A73}"/>
              </a:ext>
            </a:extLst>
          </p:cNvPr>
          <p:cNvSpPr txBox="1"/>
          <p:nvPr/>
        </p:nvSpPr>
        <p:spPr>
          <a:xfrm>
            <a:off x="8156518" y="4947997"/>
            <a:ext cx="818214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noProof="1">
                <a:latin typeface="+mn-lt"/>
              </a:rPr>
              <a:t>second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29DF538D-3839-9EC0-F311-66B935E19C27}"/>
              </a:ext>
            </a:extLst>
          </p:cNvPr>
          <p:cNvSpPr txBox="1"/>
          <p:nvPr/>
        </p:nvSpPr>
        <p:spPr>
          <a:xfrm rot="16200000">
            <a:off x="5437397" y="2960948"/>
            <a:ext cx="593950" cy="23391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noProof="1">
                <a:latin typeface="+mn-lt"/>
              </a:rPr>
              <a:t>ga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7DB4DC1-FF41-43DF-EB27-895FCAE6C5A5}"/>
              </a:ext>
            </a:extLst>
          </p:cNvPr>
          <p:cNvSpPr/>
          <p:nvPr/>
        </p:nvSpPr>
        <p:spPr bwMode="auto">
          <a:xfrm>
            <a:off x="7963770" y="1394890"/>
            <a:ext cx="818214" cy="23391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421448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6DF4B2E-0E12-6424-C4E4-A01232DF52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B11521-5769-45EA-9443-3E3C95B10C4C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AE9A8126-74FD-DDB8-9DCC-712402AA6D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US" noProof="1"/>
              <a:t>Pruning of early and late records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1AF0EE2A-164F-6618-DD48-64BD8414CF1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/>
          <a:p>
            <a:r>
              <a:rPr lang="en-US" noProof="1"/>
              <a:t>CH4 and CO2 from ~8000 milkings</a:t>
            </a:r>
          </a:p>
          <a:p>
            <a:endParaRPr lang="en-US" noProof="1"/>
          </a:p>
          <a:p>
            <a:r>
              <a:rPr lang="en-US" noProof="1"/>
              <a:t>Gas concentrations and std </a:t>
            </a:r>
          </a:p>
          <a:p>
            <a:r>
              <a:rPr lang="en-US" noProof="1"/>
              <a:t> </a:t>
            </a:r>
          </a:p>
          <a:p>
            <a:r>
              <a:rPr lang="en-US" noProof="1"/>
              <a:t>Entrance</a:t>
            </a:r>
          </a:p>
          <a:p>
            <a:endParaRPr lang="en-US" noProof="1"/>
          </a:p>
          <a:p>
            <a:r>
              <a:rPr lang="en-US" noProof="1"/>
              <a:t>More head lifting later on</a:t>
            </a:r>
          </a:p>
          <a:p>
            <a:endParaRPr lang="en-US" noProof="1"/>
          </a:p>
          <a:p>
            <a:endParaRPr lang="en-US" noProof="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C566A6E-E50C-E76D-A357-23B4B2EE829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90356" y="1394890"/>
            <a:ext cx="5712708" cy="4284321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09C86D2-FF02-C0F7-7BE3-936D4641871E}"/>
              </a:ext>
            </a:extLst>
          </p:cNvPr>
          <p:cNvSpPr txBox="1"/>
          <p:nvPr/>
        </p:nvSpPr>
        <p:spPr>
          <a:xfrm>
            <a:off x="8156518" y="4947997"/>
            <a:ext cx="818214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noProof="1">
                <a:latin typeface="+mn-lt"/>
              </a:rPr>
              <a:t>second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EB13D41-8ADC-3CE2-7A6E-5D00C795E52F}"/>
              </a:ext>
            </a:extLst>
          </p:cNvPr>
          <p:cNvSpPr txBox="1"/>
          <p:nvPr/>
        </p:nvSpPr>
        <p:spPr>
          <a:xfrm rot="16200000">
            <a:off x="5437397" y="2960948"/>
            <a:ext cx="593950" cy="23391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noProof="1">
                <a:latin typeface="+mn-lt"/>
              </a:rPr>
              <a:t>gas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C41EF953-D7E3-BC7E-1748-977D22896A92}"/>
              </a:ext>
            </a:extLst>
          </p:cNvPr>
          <p:cNvSpPr/>
          <p:nvPr/>
        </p:nvSpPr>
        <p:spPr bwMode="auto">
          <a:xfrm>
            <a:off x="7963770" y="1394890"/>
            <a:ext cx="818214" cy="23391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893E464C-2FB3-CE68-A387-3F17F4AD01B3}"/>
              </a:ext>
            </a:extLst>
          </p:cNvPr>
          <p:cNvSpPr/>
          <p:nvPr/>
        </p:nvSpPr>
        <p:spPr bwMode="auto">
          <a:xfrm>
            <a:off x="7462564" y="1628800"/>
            <a:ext cx="1512168" cy="3096344"/>
          </a:xfrm>
          <a:prstGeom prst="roundRect">
            <a:avLst/>
          </a:prstGeom>
          <a:noFill/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4615356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6DF4B2E-0E12-6424-C4E4-A01232DF52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B11521-5769-45EA-9443-3E3C95B10C4C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AE9A8126-74FD-DDB8-9DCC-712402AA6D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US" noProof="1"/>
              <a:t>Pruning of early and late records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1AF0EE2A-164F-6618-DD48-64BD8414CF1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/>
          <a:p>
            <a:r>
              <a:rPr lang="en-US" noProof="1"/>
              <a:t>CH4 and CO2 from ~8000 milkings</a:t>
            </a:r>
          </a:p>
          <a:p>
            <a:endParaRPr lang="en-US" noProof="1"/>
          </a:p>
          <a:p>
            <a:r>
              <a:rPr lang="en-US" noProof="1"/>
              <a:t>Gas concentrations and std </a:t>
            </a:r>
          </a:p>
          <a:p>
            <a:r>
              <a:rPr lang="en-US" noProof="1"/>
              <a:t> </a:t>
            </a:r>
          </a:p>
          <a:p>
            <a:r>
              <a:rPr lang="en-US" noProof="1"/>
              <a:t>Entrance</a:t>
            </a:r>
          </a:p>
          <a:p>
            <a:endParaRPr lang="en-US" noProof="1"/>
          </a:p>
          <a:p>
            <a:r>
              <a:rPr lang="en-US" noProof="1"/>
              <a:t>More head lifting later on</a:t>
            </a:r>
          </a:p>
          <a:p>
            <a:endParaRPr lang="en-US" noProof="1"/>
          </a:p>
          <a:p>
            <a:r>
              <a:rPr lang="en-US" b="1" noProof="1">
                <a:solidFill>
                  <a:srgbClr val="00B050"/>
                </a:solidFill>
              </a:rPr>
              <a:t>Best interval for visit phenotype </a:t>
            </a:r>
          </a:p>
          <a:p>
            <a:r>
              <a:rPr lang="en-US" i="1" noProof="1">
                <a:solidFill>
                  <a:srgbClr val="00B050"/>
                </a:solidFill>
              </a:rPr>
              <a:t>30-300 sec</a:t>
            </a:r>
          </a:p>
          <a:p>
            <a:endParaRPr lang="en-US" noProof="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C566A6E-E50C-E76D-A357-23B4B2EE829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90356" y="1394890"/>
            <a:ext cx="5712708" cy="4284321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09C86D2-FF02-C0F7-7BE3-936D4641871E}"/>
              </a:ext>
            </a:extLst>
          </p:cNvPr>
          <p:cNvSpPr txBox="1"/>
          <p:nvPr/>
        </p:nvSpPr>
        <p:spPr>
          <a:xfrm>
            <a:off x="8156518" y="4947997"/>
            <a:ext cx="818214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noProof="1">
                <a:latin typeface="+mn-lt"/>
              </a:rPr>
              <a:t>second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EB13D41-8ADC-3CE2-7A6E-5D00C795E52F}"/>
              </a:ext>
            </a:extLst>
          </p:cNvPr>
          <p:cNvSpPr txBox="1"/>
          <p:nvPr/>
        </p:nvSpPr>
        <p:spPr>
          <a:xfrm rot="16200000">
            <a:off x="5437397" y="2960948"/>
            <a:ext cx="593950" cy="23391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noProof="1">
                <a:latin typeface="+mn-lt"/>
              </a:rPr>
              <a:t>gas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C41EF953-D7E3-BC7E-1748-977D22896A92}"/>
              </a:ext>
            </a:extLst>
          </p:cNvPr>
          <p:cNvSpPr/>
          <p:nvPr/>
        </p:nvSpPr>
        <p:spPr bwMode="auto">
          <a:xfrm>
            <a:off x="7963770" y="1394890"/>
            <a:ext cx="818214" cy="23391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893E464C-2FB3-CE68-A387-3F17F4AD01B3}"/>
              </a:ext>
            </a:extLst>
          </p:cNvPr>
          <p:cNvSpPr/>
          <p:nvPr/>
        </p:nvSpPr>
        <p:spPr bwMode="auto">
          <a:xfrm>
            <a:off x="6337500" y="1628800"/>
            <a:ext cx="1125064" cy="3096344"/>
          </a:xfrm>
          <a:prstGeom prst="roundRect">
            <a:avLst/>
          </a:pr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rgbClr val="00B050"/>
              </a:solidFill>
              <a:effectLst/>
              <a:latin typeface="AU Passata" pitchFamily="34" charset="0"/>
            </a:endParaRPr>
          </a:p>
        </p:txBody>
      </p:sp>
      <p:cxnSp>
        <p:nvCxnSpPr>
          <p:cNvPr id="3" name="Straight Arrow Connector 2">
            <a:extLst>
              <a:ext uri="{FF2B5EF4-FFF2-40B4-BE49-F238E27FC236}">
                <a16:creationId xmlns:a16="http://schemas.microsoft.com/office/drawing/2014/main" id="{695D5706-59CA-2F23-4FD6-9C92E9CFA6E4}"/>
              </a:ext>
            </a:extLst>
          </p:cNvPr>
          <p:cNvCxnSpPr>
            <a:cxnSpLocks/>
          </p:cNvCxnSpPr>
          <p:nvPr/>
        </p:nvCxnSpPr>
        <p:spPr bwMode="auto">
          <a:xfrm flipV="1">
            <a:off x="4751030" y="3789040"/>
            <a:ext cx="1847438" cy="72008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86788679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B4E740-EE72-EA68-B3BF-CCF14E55D6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Upload to database for genetic evaluation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454429-C71C-0F1B-B5BF-BF84F2A7331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75746" y="2463955"/>
            <a:ext cx="3090003" cy="2854484"/>
          </a:xfrm>
          <a:prstGeom prst="rect">
            <a:avLst/>
          </a:prstGeom>
        </p:spPr>
      </p:pic>
      <p:sp>
        <p:nvSpPr>
          <p:cNvPr id="21" name="Arrow: Right 20">
            <a:extLst>
              <a:ext uri="{FF2B5EF4-FFF2-40B4-BE49-F238E27FC236}">
                <a16:creationId xmlns:a16="http://schemas.microsoft.com/office/drawing/2014/main" id="{5911C1AE-9A12-0685-771A-8D46496DF31E}"/>
              </a:ext>
            </a:extLst>
          </p:cNvPr>
          <p:cNvSpPr/>
          <p:nvPr/>
        </p:nvSpPr>
        <p:spPr bwMode="auto">
          <a:xfrm>
            <a:off x="6619497" y="3891197"/>
            <a:ext cx="969412" cy="389989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E12C448-C986-815B-9AEC-7A38060CBDE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6000" y="3449867"/>
            <a:ext cx="2872989" cy="1272650"/>
          </a:xfrm>
          <a:prstGeom prst="rect">
            <a:avLst/>
          </a:prstGeom>
        </p:spPr>
      </p:pic>
      <p:sp>
        <p:nvSpPr>
          <p:cNvPr id="7" name="Arrow: Right 6">
            <a:extLst>
              <a:ext uri="{FF2B5EF4-FFF2-40B4-BE49-F238E27FC236}">
                <a16:creationId xmlns:a16="http://schemas.microsoft.com/office/drawing/2014/main" id="{752E7ACE-E802-E833-E801-F9C19CAD9FA5}"/>
              </a:ext>
            </a:extLst>
          </p:cNvPr>
          <p:cNvSpPr/>
          <p:nvPr/>
        </p:nvSpPr>
        <p:spPr bwMode="auto">
          <a:xfrm>
            <a:off x="10757000" y="4476181"/>
            <a:ext cx="800640" cy="351167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2" name="Content Placeholder 11">
            <a:extLst>
              <a:ext uri="{FF2B5EF4-FFF2-40B4-BE49-F238E27FC236}">
                <a16:creationId xmlns:a16="http://schemas.microsoft.com/office/drawing/2014/main" id="{9B3B6613-1ABB-54AA-D8CE-DA5A695636E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/>
          <a:srcRect r="52129"/>
          <a:stretch>
            <a:fillRect/>
          </a:stretch>
        </p:blipFill>
        <p:spPr bwMode="auto">
          <a:xfrm>
            <a:off x="7598259" y="2748953"/>
            <a:ext cx="4405510" cy="24082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CC2DD6C8-47C4-40D3-4AAB-FD6618507AC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990956" y="3068960"/>
            <a:ext cx="714675" cy="2120203"/>
          </a:xfrm>
          <a:prstGeom prst="rect">
            <a:avLst/>
          </a:prstGeom>
        </p:spPr>
      </p:pic>
      <p:sp>
        <p:nvSpPr>
          <p:cNvPr id="15" name="Arrow: Right 14">
            <a:extLst>
              <a:ext uri="{FF2B5EF4-FFF2-40B4-BE49-F238E27FC236}">
                <a16:creationId xmlns:a16="http://schemas.microsoft.com/office/drawing/2014/main" id="{76877612-4C72-5AEF-96AD-19F7E9BDE141}"/>
              </a:ext>
            </a:extLst>
          </p:cNvPr>
          <p:cNvSpPr/>
          <p:nvPr/>
        </p:nvSpPr>
        <p:spPr bwMode="auto">
          <a:xfrm>
            <a:off x="3243236" y="3891197"/>
            <a:ext cx="969412" cy="389989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016D028C-1F7E-60AD-66AD-FFBB0F391B19}"/>
              </a:ext>
            </a:extLst>
          </p:cNvPr>
          <p:cNvSpPr/>
          <p:nvPr/>
        </p:nvSpPr>
        <p:spPr bwMode="auto">
          <a:xfrm>
            <a:off x="11328469" y="2957987"/>
            <a:ext cx="366688" cy="2321487"/>
          </a:xfrm>
          <a:prstGeom prst="roundRect">
            <a:avLst/>
          </a:prstGeom>
          <a:noFill/>
          <a:ln w="3810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69F76F0C-7208-02B8-C6F8-20D07C5DBF6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747095" y="1373022"/>
            <a:ext cx="1864987" cy="11426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530599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Futur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US" sz="2800" noProof="1"/>
              <a:t>1-step procedure including:</a:t>
            </a:r>
          </a:p>
          <a:p>
            <a:endParaRPr lang="en-US" sz="2800" noProof="1"/>
          </a:p>
          <a:p>
            <a:r>
              <a:rPr lang="en-US" sz="2800" noProof="1"/>
              <a:t>Automatic data transfer</a:t>
            </a:r>
          </a:p>
          <a:p>
            <a:r>
              <a:rPr lang="en-US" sz="2800" noProof="1"/>
              <a:t>Data monitoring with warning system</a:t>
            </a:r>
          </a:p>
          <a:p>
            <a:r>
              <a:rPr lang="en-US" sz="2800" noProof="1"/>
              <a:t>Time alignment and data quality control</a:t>
            </a:r>
          </a:p>
          <a:p>
            <a:r>
              <a:rPr lang="en-US" sz="2800" noProof="1"/>
              <a:t>Baseline estimation</a:t>
            </a:r>
          </a:p>
          <a:p>
            <a:r>
              <a:rPr lang="en-US" sz="2800" noProof="1"/>
              <a:t>Phenotype prepara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2ED0FD2-306D-E840-846F-06FA70F601A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822604" y="1340768"/>
            <a:ext cx="3025573" cy="3837313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7835CC0-823F-50EC-3E31-ACE63DFC3991}"/>
              </a:ext>
            </a:extLst>
          </p:cNvPr>
          <p:cNvSpPr txBox="1"/>
          <p:nvPr/>
        </p:nvSpPr>
        <p:spPr>
          <a:xfrm>
            <a:off x="9231772" y="5303912"/>
            <a:ext cx="161640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noProof="1">
                <a:latin typeface="+mn-lt"/>
              </a:rPr>
              <a:t>© VikingDenmark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5C39E1-8B87-328E-4C3D-23F3CA85F0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Methane Sniff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01B542-AA21-1865-9180-8A56457580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58309-F0A6-4DF7-B852-C6A5B3B5F348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BCA0454A-FAE5-59D8-1158-8158AB12A0B3}"/>
              </a:ext>
            </a:extLst>
          </p:cNvPr>
          <p:cNvSpPr txBox="1">
            <a:spLocks/>
          </p:cNvSpPr>
          <p:nvPr/>
        </p:nvSpPr>
        <p:spPr bwMode="auto">
          <a:xfrm>
            <a:off x="315913" y="1355905"/>
            <a:ext cx="10220325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noProof="1">
                <a:solidFill>
                  <a:schemeClr val="bg1">
                    <a:lumMod val="65000"/>
                  </a:schemeClr>
                </a:solidFill>
              </a:rPr>
              <a:t>Pros:</a:t>
            </a:r>
          </a:p>
          <a:p>
            <a:r>
              <a:rPr lang="en-US" kern="0" noProof="1">
                <a:solidFill>
                  <a:schemeClr val="bg1">
                    <a:lumMod val="65000"/>
                  </a:schemeClr>
                </a:solidFill>
              </a:rPr>
              <a:t>Relatively cheap –cost effective</a:t>
            </a:r>
          </a:p>
          <a:p>
            <a:r>
              <a:rPr lang="en-US" kern="0" noProof="1">
                <a:solidFill>
                  <a:schemeClr val="bg1">
                    <a:lumMod val="65000"/>
                  </a:schemeClr>
                </a:solidFill>
              </a:rPr>
              <a:t>Not invasive</a:t>
            </a:r>
          </a:p>
          <a:p>
            <a:r>
              <a:rPr lang="en-US" kern="0" noProof="1">
                <a:solidFill>
                  <a:schemeClr val="bg1">
                    <a:lumMod val="65000"/>
                  </a:schemeClr>
                </a:solidFill>
              </a:rPr>
              <a:t>Many records</a:t>
            </a:r>
          </a:p>
          <a:p>
            <a:endParaRPr lang="en-US" kern="0" noProof="1"/>
          </a:p>
          <a:p>
            <a:r>
              <a:rPr lang="en-US" b="1" noProof="1"/>
              <a:t>Cons:</a:t>
            </a:r>
          </a:p>
          <a:p>
            <a:r>
              <a:rPr lang="en-US" sz="2000" kern="0" noProof="1"/>
              <a:t>Concentration not volume</a:t>
            </a:r>
          </a:p>
          <a:p>
            <a:r>
              <a:rPr lang="en-US" sz="2000" kern="0" noProof="1"/>
              <a:t>Only AMS</a:t>
            </a:r>
          </a:p>
          <a:p>
            <a:r>
              <a:rPr lang="en-US" sz="2000" kern="0" noProof="1"/>
              <a:t>Snapshots</a:t>
            </a:r>
          </a:p>
          <a:p>
            <a:r>
              <a:rPr lang="en-US" noProof="1"/>
              <a:t>Messy data</a:t>
            </a:r>
            <a:r>
              <a:rPr lang="en-US" sz="2000" kern="0" noProof="1"/>
              <a:t> </a:t>
            </a:r>
          </a:p>
          <a:p>
            <a:r>
              <a:rPr lang="en-US" kern="0" noProof="1"/>
              <a:t>Affected by environment</a:t>
            </a:r>
          </a:p>
          <a:p>
            <a:endParaRPr lang="en-US" kern="0" noProof="1"/>
          </a:p>
        </p:txBody>
      </p:sp>
      <p:sp>
        <p:nvSpPr>
          <p:cNvPr id="6" name="Date Placeholder 3">
            <a:extLst>
              <a:ext uri="{FF2B5EF4-FFF2-40B4-BE49-F238E27FC236}">
                <a16:creationId xmlns:a16="http://schemas.microsoft.com/office/drawing/2014/main" id="{AA8CBBC6-FBEC-1AC2-CB79-ECFD3C48F7C9}"/>
              </a:ext>
            </a:extLst>
          </p:cNvPr>
          <p:cNvSpPr txBox="1">
            <a:spLocks/>
          </p:cNvSpPr>
          <p:nvPr/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100" kern="1200">
                <a:noFill/>
                <a:latin typeface="AU Passata" pitchFamily="34" charset="0"/>
                <a:ea typeface="+mn-ea"/>
                <a:cs typeface="+mn-cs"/>
              </a:defRPr>
            </a:lvl1pPr>
            <a:lvl2pPr marL="60949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2pPr>
            <a:lvl3pPr marL="1218987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3pPr>
            <a:lvl4pPr marL="1828480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4pPr>
            <a:lvl5pPr marL="243797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5pPr>
            <a:lvl6pPr marL="304746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6pPr>
            <a:lvl7pPr marL="3656960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7pPr>
            <a:lvl8pPr marL="4266453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8pPr>
            <a:lvl9pPr marL="487594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9pPr>
          </a:lstStyle>
          <a:p>
            <a:fld id="{C080763C-9B7E-4E5C-8DF3-DBCCACF64BBF}" type="datetime1">
              <a:rPr lang="en-US" noProof="1" smtClean="0"/>
              <a:pPr/>
              <a:t>5/25/2026</a:t>
            </a:fld>
            <a:r>
              <a:rPr lang="en-US" noProof="1"/>
              <a:t>28/08/2023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6B37722-8A9C-0333-9DC8-517B62E0AF5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18148" y="1983149"/>
            <a:ext cx="7570604" cy="42692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217629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C639AA-903F-7771-550F-433DA213AF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6A8B6D-12F4-42A6-946D-30F9767073EE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FCE87F82-6C35-588E-DA01-ACD22DC4D3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US" noProof="1"/>
              <a:t>Large amounts of Messy data</a:t>
            </a:r>
          </a:p>
        </p:txBody>
      </p:sp>
      <p:pic>
        <p:nvPicPr>
          <p:cNvPr id="6" name="Billede 4">
            <a:extLst>
              <a:ext uri="{FF2B5EF4-FFF2-40B4-BE49-F238E27FC236}">
                <a16:creationId xmlns:a16="http://schemas.microsoft.com/office/drawing/2014/main" id="{C57E9E51-6C11-8A1E-5C8E-2293B00361C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577" t="20011" r="13192" b="26664"/>
          <a:stretch/>
        </p:blipFill>
        <p:spPr bwMode="auto">
          <a:xfrm rot="5400000">
            <a:off x="1333326" y="1116189"/>
            <a:ext cx="1889324" cy="1584176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8199FB4B-116E-C367-5890-0FF7C2EDEFAC}"/>
              </a:ext>
            </a:extLst>
          </p:cNvPr>
          <p:cNvSpPr txBox="1"/>
          <p:nvPr/>
        </p:nvSpPr>
        <p:spPr>
          <a:xfrm>
            <a:off x="3192083" y="1293829"/>
            <a:ext cx="7931017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3600" b="1" noProof="1">
                <a:solidFill>
                  <a:srgbClr val="00B050"/>
                </a:solidFill>
                <a:latin typeface="+mn-lt"/>
              </a:rPr>
              <a:t>~</a:t>
            </a:r>
            <a:r>
              <a:rPr lang="en-US" sz="3600" b="1" noProof="1">
                <a:solidFill>
                  <a:srgbClr val="00B050"/>
                </a:solidFill>
              </a:rPr>
              <a:t> 86,000 </a:t>
            </a:r>
            <a:r>
              <a:rPr lang="en-US" sz="3600" noProof="1"/>
              <a:t>methane records/day/sniffer</a:t>
            </a:r>
            <a:endParaRPr lang="en-US" sz="3600" noProof="1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3470148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E276B7D-7959-AF19-5760-0D1056082A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ED116E-203C-4940-9081-E4BCC9A21EE1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39366794-D1F8-95F2-25C7-67C5079E4A8C}"/>
              </a:ext>
            </a:extLst>
          </p:cNvPr>
          <p:cNvSpPr txBox="1">
            <a:spLocks/>
          </p:cNvSpPr>
          <p:nvPr/>
        </p:nvSpPr>
        <p:spPr bwMode="auto">
          <a:xfrm>
            <a:off x="315913" y="228627"/>
            <a:ext cx="11556000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US" kern="0" noProof="1"/>
              <a:t>Large amounts of Messy data</a:t>
            </a:r>
          </a:p>
        </p:txBody>
      </p:sp>
      <p:pic>
        <p:nvPicPr>
          <p:cNvPr id="6" name="Billede 4">
            <a:extLst>
              <a:ext uri="{FF2B5EF4-FFF2-40B4-BE49-F238E27FC236}">
                <a16:creationId xmlns:a16="http://schemas.microsoft.com/office/drawing/2014/main" id="{DBADFDF0-7504-21B2-D03F-4581D4C2521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577" t="20011" r="13192" b="26664"/>
          <a:stretch/>
        </p:blipFill>
        <p:spPr bwMode="auto">
          <a:xfrm rot="5400000">
            <a:off x="1333326" y="1116189"/>
            <a:ext cx="1889324" cy="1584176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7" name="Arrow: Down 6">
            <a:extLst>
              <a:ext uri="{FF2B5EF4-FFF2-40B4-BE49-F238E27FC236}">
                <a16:creationId xmlns:a16="http://schemas.microsoft.com/office/drawing/2014/main" id="{AC5A4379-45B9-B846-F0E6-1D8A8384DF43}"/>
              </a:ext>
            </a:extLst>
          </p:cNvPr>
          <p:cNvSpPr/>
          <p:nvPr/>
        </p:nvSpPr>
        <p:spPr bwMode="auto">
          <a:xfrm>
            <a:off x="6022404" y="2204864"/>
            <a:ext cx="360040" cy="648075"/>
          </a:xfrm>
          <a:prstGeom prst="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89E5AE4-C838-8FC5-4E7C-144FDD3F63BB}"/>
              </a:ext>
            </a:extLst>
          </p:cNvPr>
          <p:cNvSpPr txBox="1"/>
          <p:nvPr/>
        </p:nvSpPr>
        <p:spPr>
          <a:xfrm>
            <a:off x="3166076" y="3126027"/>
            <a:ext cx="7261988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3600" b="1" noProof="1">
                <a:solidFill>
                  <a:srgbClr val="00B050"/>
                </a:solidFill>
                <a:latin typeface="+mn-lt"/>
              </a:rPr>
              <a:t>Automatized</a:t>
            </a:r>
            <a:r>
              <a:rPr lang="en-US" sz="3600" noProof="1">
                <a:latin typeface="+mn-lt"/>
              </a:rPr>
              <a:t> pipeline to clean data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85A4549-6476-A67E-BFBB-AFEBE9335B71}"/>
              </a:ext>
            </a:extLst>
          </p:cNvPr>
          <p:cNvSpPr txBox="1"/>
          <p:nvPr/>
        </p:nvSpPr>
        <p:spPr>
          <a:xfrm>
            <a:off x="3192083" y="1293829"/>
            <a:ext cx="7931017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3600" b="1" noProof="1">
                <a:solidFill>
                  <a:srgbClr val="00B050"/>
                </a:solidFill>
                <a:latin typeface="+mn-lt"/>
              </a:rPr>
              <a:t>~</a:t>
            </a:r>
            <a:r>
              <a:rPr lang="en-US" sz="3600" b="1" noProof="1">
                <a:solidFill>
                  <a:srgbClr val="00B050"/>
                </a:solidFill>
              </a:rPr>
              <a:t> 86,000 </a:t>
            </a:r>
            <a:r>
              <a:rPr lang="en-US" sz="3600" noProof="1"/>
              <a:t>methane records/day/sniffer</a:t>
            </a:r>
            <a:endParaRPr lang="en-US" sz="3600" noProof="1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97788706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ECE243-1C40-E461-7E74-8B2461B359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kern="0" noProof="1"/>
              <a:t>Large amounts of Messy data</a:t>
            </a:r>
            <a:br>
              <a:rPr lang="en-US" kern="0" noProof="1"/>
            </a:br>
            <a:endParaRPr lang="en-US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E276B7D-7959-AF19-5760-0D1056082A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ED116E-203C-4940-9081-E4BCC9A21EE1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pic>
        <p:nvPicPr>
          <p:cNvPr id="6" name="Billede 4">
            <a:extLst>
              <a:ext uri="{FF2B5EF4-FFF2-40B4-BE49-F238E27FC236}">
                <a16:creationId xmlns:a16="http://schemas.microsoft.com/office/drawing/2014/main" id="{DBADFDF0-7504-21B2-D03F-4581D4C2521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577" t="20011" r="13192" b="26664"/>
          <a:stretch/>
        </p:blipFill>
        <p:spPr bwMode="auto">
          <a:xfrm rot="5400000">
            <a:off x="1333326" y="1116189"/>
            <a:ext cx="1889324" cy="1584176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7" name="Arrow: Down 6">
            <a:extLst>
              <a:ext uri="{FF2B5EF4-FFF2-40B4-BE49-F238E27FC236}">
                <a16:creationId xmlns:a16="http://schemas.microsoft.com/office/drawing/2014/main" id="{AC5A4379-45B9-B846-F0E6-1D8A8384DF43}"/>
              </a:ext>
            </a:extLst>
          </p:cNvPr>
          <p:cNvSpPr/>
          <p:nvPr/>
        </p:nvSpPr>
        <p:spPr bwMode="auto">
          <a:xfrm>
            <a:off x="6022404" y="2204864"/>
            <a:ext cx="360040" cy="648075"/>
          </a:xfrm>
          <a:prstGeom prst="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89E5AE4-C838-8FC5-4E7C-144FDD3F63BB}"/>
              </a:ext>
            </a:extLst>
          </p:cNvPr>
          <p:cNvSpPr txBox="1"/>
          <p:nvPr/>
        </p:nvSpPr>
        <p:spPr>
          <a:xfrm>
            <a:off x="3166076" y="3126027"/>
            <a:ext cx="7261988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3600" b="1" noProof="1">
                <a:solidFill>
                  <a:srgbClr val="00B050"/>
                </a:solidFill>
                <a:latin typeface="+mn-lt"/>
              </a:rPr>
              <a:t>Automatized</a:t>
            </a:r>
            <a:r>
              <a:rPr lang="en-US" sz="3600" noProof="1">
                <a:latin typeface="+mn-lt"/>
              </a:rPr>
              <a:t> pipeline to clean data</a:t>
            </a:r>
          </a:p>
        </p:txBody>
      </p:sp>
      <p:sp>
        <p:nvSpPr>
          <p:cNvPr id="9" name="Arrow: Down 8">
            <a:extLst>
              <a:ext uri="{FF2B5EF4-FFF2-40B4-BE49-F238E27FC236}">
                <a16:creationId xmlns:a16="http://schemas.microsoft.com/office/drawing/2014/main" id="{5ADA64DC-BBC0-0009-9328-386CA6C57B7F}"/>
              </a:ext>
            </a:extLst>
          </p:cNvPr>
          <p:cNvSpPr/>
          <p:nvPr/>
        </p:nvSpPr>
        <p:spPr bwMode="auto">
          <a:xfrm>
            <a:off x="5967463" y="3965426"/>
            <a:ext cx="360040" cy="648075"/>
          </a:xfrm>
          <a:prstGeom prst="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3F5D123-200C-95B7-ED5F-5977D259DC5B}"/>
              </a:ext>
            </a:extLst>
          </p:cNvPr>
          <p:cNvSpPr txBox="1"/>
          <p:nvPr/>
        </p:nvSpPr>
        <p:spPr>
          <a:xfrm>
            <a:off x="2277988" y="4920918"/>
            <a:ext cx="9506192" cy="128650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3600" b="1" noProof="1">
                <a:solidFill>
                  <a:srgbClr val="00B050"/>
                </a:solidFill>
              </a:rPr>
              <a:t>High-quality dataset</a:t>
            </a:r>
            <a:r>
              <a:rPr lang="en-US" sz="3600" b="1" noProof="1"/>
              <a:t> </a:t>
            </a:r>
            <a:r>
              <a:rPr lang="en-US" sz="3600" noProof="1"/>
              <a:t>with gas concentrations </a:t>
            </a:r>
          </a:p>
          <a:p>
            <a:pPr>
              <a:lnSpc>
                <a:spcPct val="95000"/>
              </a:lnSpc>
            </a:pPr>
            <a:r>
              <a:rPr lang="en-US" sz="3600" noProof="1"/>
              <a:t>that can be converted to </a:t>
            </a:r>
            <a:r>
              <a:rPr lang="en-US" sz="3600" b="1" noProof="1">
                <a:solidFill>
                  <a:srgbClr val="00B050"/>
                </a:solidFill>
              </a:rPr>
              <a:t>methane phenotypes</a:t>
            </a:r>
            <a:endParaRPr lang="en-US" sz="3600" b="1" noProof="1"/>
          </a:p>
          <a:p>
            <a:pPr>
              <a:lnSpc>
                <a:spcPct val="95000"/>
              </a:lnSpc>
            </a:pPr>
            <a:endParaRPr lang="en-US" sz="1600" noProof="1">
              <a:latin typeface="+mn-lt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85A4549-6476-A67E-BFBB-AFEBE9335B71}"/>
              </a:ext>
            </a:extLst>
          </p:cNvPr>
          <p:cNvSpPr txBox="1"/>
          <p:nvPr/>
        </p:nvSpPr>
        <p:spPr>
          <a:xfrm>
            <a:off x="3192083" y="1293829"/>
            <a:ext cx="7931017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3600" b="1" noProof="1">
                <a:solidFill>
                  <a:srgbClr val="00B050"/>
                </a:solidFill>
                <a:latin typeface="+mn-lt"/>
              </a:rPr>
              <a:t>~</a:t>
            </a:r>
            <a:r>
              <a:rPr lang="en-US" sz="3600" b="1" noProof="1">
                <a:solidFill>
                  <a:srgbClr val="00B050"/>
                </a:solidFill>
              </a:rPr>
              <a:t> 86,000 </a:t>
            </a:r>
            <a:r>
              <a:rPr lang="en-US" sz="3600" noProof="1"/>
              <a:t>methane records/day/sniffer</a:t>
            </a:r>
            <a:endParaRPr lang="en-US" sz="3600" noProof="1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5923982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F1715BB-510C-86AB-DC0E-627704041F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1"/>
              <a:t>Need good technicians!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BD8902D-F5BD-7AA1-23E6-E5A38F929F2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noProof="1"/>
              <a:t>Setting up/moving equipment</a:t>
            </a:r>
          </a:p>
          <a:p>
            <a:pPr>
              <a:buNone/>
            </a:pPr>
            <a:r>
              <a:rPr lang="en-US" noProof="1"/>
              <a:t>Daily monitoring of data download </a:t>
            </a:r>
          </a:p>
          <a:p>
            <a:pPr>
              <a:buNone/>
            </a:pPr>
            <a:r>
              <a:rPr lang="en-US" noProof="1"/>
              <a:t>Checking up on equipment at irregularities</a:t>
            </a:r>
          </a:p>
          <a:p>
            <a:pPr>
              <a:buNone/>
            </a:pPr>
            <a:r>
              <a:rPr lang="en-US" noProof="1"/>
              <a:t>Fixing problems </a:t>
            </a:r>
          </a:p>
          <a:p>
            <a:pPr>
              <a:buNone/>
            </a:pPr>
            <a:r>
              <a:rPr lang="en-US" noProof="1"/>
              <a:t>Downloading AMS data </a:t>
            </a:r>
          </a:p>
          <a:p>
            <a:pPr>
              <a:buNone/>
            </a:pPr>
            <a:r>
              <a:rPr lang="en-US" noProof="1"/>
              <a:t>Managing database</a:t>
            </a:r>
          </a:p>
          <a:p>
            <a:pPr>
              <a:buNone/>
            </a:pPr>
            <a:r>
              <a:rPr lang="en-US" noProof="1"/>
              <a:t>Ordering parts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7A1912E-8DF3-3706-81EF-A9D344B744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4BD306-0036-4E8E-BBE0-C6D400B69C8D}" type="datetime1">
              <a:rPr lang="en-US" noProof="1" smtClean="0"/>
              <a:t>26/05/2026</a:t>
            </a:fld>
            <a:r>
              <a:rPr lang="en-US" noProof="1"/>
              <a:t>23/02/2023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8FC3BC25-8F21-B38F-6B45-081D54396F0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38428" y="1458443"/>
            <a:ext cx="2898369" cy="4562528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0B774693-10D1-3087-32A9-222EB52DADC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52946" y="3427162"/>
            <a:ext cx="1296144" cy="312545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FC59C858-99E6-7B25-7907-7885925BF51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85879" y="2355859"/>
            <a:ext cx="467010" cy="3225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2304713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BD564D-770C-A7EC-20C4-C2845F06C1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599B34-099C-4959-B210-1171242E16C3}" type="datetime1">
              <a:rPr lang="en-US" noProof="1" smtClean="0"/>
              <a:t>5/25/2026</a:t>
            </a:fld>
            <a:r>
              <a:rPr lang="en-US" noProof="1"/>
              <a:t>02/11/2023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2495C922-068F-18C3-8B3F-35DFCA9982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US" sz="4800" kern="0" noProof="1"/>
              <a:t>Manual Data monitoring </a:t>
            </a:r>
            <a:endParaRPr lang="en-US" noProof="1"/>
          </a:p>
        </p:txBody>
      </p:sp>
      <p:sp>
        <p:nvSpPr>
          <p:cNvPr id="6" name="Pladsholder til indhold 2">
            <a:extLst>
              <a:ext uri="{FF2B5EF4-FFF2-40B4-BE49-F238E27FC236}">
                <a16:creationId xmlns:a16="http://schemas.microsoft.com/office/drawing/2014/main" id="{4432A9E3-FB84-AEAF-A679-970B87AB7C1A}"/>
              </a:ext>
            </a:extLst>
          </p:cNvPr>
          <p:cNvSpPr txBox="1">
            <a:spLocks/>
          </p:cNvSpPr>
          <p:nvPr/>
        </p:nvSpPr>
        <p:spPr bwMode="auto">
          <a:xfrm>
            <a:off x="462529" y="1242575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2800" kern="0" noProof="1"/>
              <a:t>-Connection</a:t>
            </a:r>
          </a:p>
          <a:p>
            <a:r>
              <a:rPr lang="en-US" sz="2800" kern="0" noProof="1"/>
              <a:t>- Number of exits from robot </a:t>
            </a:r>
          </a:p>
          <a:p>
            <a:r>
              <a:rPr lang="en-US" sz="2800" kern="0" noProof="1"/>
              <a:t>- Max and mean gas values</a:t>
            </a:r>
          </a:p>
          <a:p>
            <a:r>
              <a:rPr lang="en-US" sz="2800" kern="0" noProof="1"/>
              <a:t>- Standard deviations</a:t>
            </a:r>
          </a:p>
          <a:p>
            <a:r>
              <a:rPr lang="en-US" sz="2800" kern="0" noProof="1"/>
              <a:t>-Reference measures</a:t>
            </a:r>
          </a:p>
          <a:p>
            <a:endParaRPr lang="en-US" kern="0" noProof="1"/>
          </a:p>
        </p:txBody>
      </p:sp>
      <p:pic>
        <p:nvPicPr>
          <p:cNvPr id="7" name="Billede 5">
            <a:extLst>
              <a:ext uri="{FF2B5EF4-FFF2-40B4-BE49-F238E27FC236}">
                <a16:creationId xmlns:a16="http://schemas.microsoft.com/office/drawing/2014/main" id="{E52B264F-6532-AC22-E048-5DBA903A5E3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30316" y="1112861"/>
            <a:ext cx="2931278" cy="2280559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E2A72892-CD6D-10CC-82EE-38BAB400C9A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827" t="-2245" r="8337" b="4"/>
          <a:stretch/>
        </p:blipFill>
        <p:spPr>
          <a:xfrm>
            <a:off x="6118581" y="3856776"/>
            <a:ext cx="5832648" cy="194774"/>
          </a:xfrm>
          <a:prstGeom prst="rect">
            <a:avLst/>
          </a:prstGeom>
        </p:spPr>
      </p:pic>
      <p:pic>
        <p:nvPicPr>
          <p:cNvPr id="9" name="Billede 9">
            <a:extLst>
              <a:ext uri="{FF2B5EF4-FFF2-40B4-BE49-F238E27FC236}">
                <a16:creationId xmlns:a16="http://schemas.microsoft.com/office/drawing/2014/main" id="{CFF61493-0648-0EFC-65C6-5B41B8871A8F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827" r="8338"/>
          <a:stretch/>
        </p:blipFill>
        <p:spPr>
          <a:xfrm>
            <a:off x="6166420" y="4051550"/>
            <a:ext cx="5832648" cy="218801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EEC60B29-D17F-5DF7-36F1-9027B965C07D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b="8541"/>
          <a:stretch>
            <a:fillRect/>
          </a:stretch>
        </p:blipFill>
        <p:spPr>
          <a:xfrm>
            <a:off x="1540542" y="3791291"/>
            <a:ext cx="3258005" cy="244827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084EBCAE-CA47-A45E-9F5D-E187DF6DA16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804400" y="1288291"/>
            <a:ext cx="2361985" cy="2009128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6FC2A79D-71D5-9D7C-3CC1-4BADB066159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804400" y="194752"/>
            <a:ext cx="808936" cy="629859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DAD7C4BD-98BD-6C94-00CF-CD2AE47B0DA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849388" y="197245"/>
            <a:ext cx="1014319" cy="629859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E8BE8B1E-D851-CDD3-A198-4A8B86D6BC37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969563" y="187663"/>
            <a:ext cx="1008206" cy="661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671564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C9D98D-2F99-5A10-F106-E4F6525503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5780" y="122499"/>
            <a:ext cx="11556000" cy="752101"/>
          </a:xfrm>
        </p:spPr>
        <p:txBody>
          <a:bodyPr/>
          <a:lstStyle/>
          <a:p>
            <a:r>
              <a:rPr lang="en-US" noProof="1"/>
              <a:t>Equipment ”Errors”, examples</a:t>
            </a:r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F847D642-06EE-ADAC-B8E8-2F72E1765E2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5950396" y="2420888"/>
            <a:ext cx="3016287" cy="2792444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9C9B52-9772-C3FA-9AEA-E744F38BE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7E8096-A73D-4AA1-BDF6-C43B650F0562}" type="datetime1">
              <a:rPr lang="en-US" noProof="1" smtClean="0"/>
              <a:t>5/25/2026</a:t>
            </a:fld>
            <a:r>
              <a:rPr lang="en-US" noProof="1"/>
              <a:t>06/12/2023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3CC9333-CE57-DF34-6243-B735A53D86D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19984"/>
          <a:stretch/>
        </p:blipFill>
        <p:spPr>
          <a:xfrm>
            <a:off x="1039516" y="2176158"/>
            <a:ext cx="2030560" cy="392435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8AD2AF0F-D855-31E2-6E15-488851366F2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06138" y="1164557"/>
            <a:ext cx="2063144" cy="3226621"/>
          </a:xfrm>
          <a:prstGeom prst="rect">
            <a:avLst/>
          </a:prstGeom>
        </p:spPr>
      </p:pic>
      <p:pic>
        <p:nvPicPr>
          <p:cNvPr id="2050" name="Picture 2" descr="Wind icon in SVG, PNG formats">
            <a:extLst>
              <a:ext uri="{FF2B5EF4-FFF2-40B4-BE49-F238E27FC236}">
                <a16:creationId xmlns:a16="http://schemas.microsoft.com/office/drawing/2014/main" id="{552FBC6C-189D-976C-1EED-7F557408044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90756" y="1700808"/>
            <a:ext cx="2012232" cy="20122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959293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01 AU 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TemplateConfiguration><![CDATA[{"elementsMetadata":[{"type":"shape","id":"906c2e41-16de-49ff-aedc-30b8b4ebe421","elementConfiguration":{"binding":"{{FormatDateTime(Form.Date, \"d. MMMM yyyy\")}}","visibility":"","type":"text","disableUpdates":false}},{"type":"shape","id":"adb8bb8c-ae8b-4891-921e-b02191a5eb96","elementConfiguration":{"binding":"{{Form.EventOccasion}}","visibility":"","type":"text","disableUpdates":false}},{"type":"shape","id":"29459e1d-93e9-4a12-b8c7-18585ad7ca06","elementConfiguration":{"binding":"{{Switch(UserProfile.DocumentLanguage.Language,\"da-DK\",UserProfile.Title,\"en-GB\",UserProfile.Title_EN,UserProfile.Title)}}","visibility":"","type":"text","disableUpdates":false}},{"type":"shape","id":"51571b2e-0893-4641-9ee3-d3516726f2fd","elementConfiguration":{"binding":"{{UserProfile.Name}}","visibility":"","type":"text","disableUpdates":false}},{"type":"shape","id":"7a8307be-4c01-430e-aeb1-a4eabc2263a3","elementConfiguration":{"inheritDimensions":"{{InheritDimensions.InheritNone}}","width":"4.61 cm","height":"1.55 cm","image":"{{UserProfile.UnitId.ExtraLogoRef.ImageRightAlignedRef.ImageFile}}","visibility":"","type":"image","disableUpdates":false}},{"type":"shape","id":"7bf7367c-31be-432f-8831-ac265a922f03","elementConfiguration":{"binding":"{{UserProfile.UnitId.Logo2}}","visibility":"","type":"text","disableUpdates":false}},{"type":"shape","id":"bfc704e7-03f8-4071-b7d2-e8246ea1a02c","elementConfiguration":{"binding":"{{UserProfile.UnitId.Logo1PowerPoint}}","visibility":"","type":"text","disableUpdates":false}},{"type":"shape","id":"ed1ecb96-896c-4c6e-95de-edc2cef30e1d","elementConfiguration":{"binding":"{{FormatDateTime(Form.Date, \"d. MMMM yyyy\")}}","visibility":"","type":"text","disableUpdates":false}},{"type":"shape","id":"7808a654-f642-4ff3-b78a-d9b4046328c8","elementConfiguration":{"binding":"{{Form.EventOccasion}}","visibility":"","type":"text","disableUpdates":false}},{"type":"shape","id":"e97c0b88-ddd9-4a86-8a3c-e1fbc5c38e3a","elementConfiguration":{"inheritDimensions":"{{InheritDimensions.InheritNone}}","width":"4.61 cm","height":"1.55 cm","image":"{{UserProfile.UnitId.ExtraLogoRef.ImageRightAlignedNegRef.ImageFile}}","visibility":"","type":"image","disableUpdates":false}},{"type":"shape","id":"e8641696-56e4-466b-bf87-46ab750e266d","elementConfiguration":{"binding":"{{UserProfile.UnitId.Logo2}}","visibility":"","type":"text","disableUpdates":false}},{"type":"shape","id":"f36494c2-d86a-4d12-a2b9-bd8d4a022590","elementConfiguration":{"binding":"{{UserProfile.UnitId.Logo1PowerPoint}}","visibility":"","type":"text","disableUpdates":false}},{"type":"shape","id":"0220f218-3e94-47a2-af6e-a4de6d5bd264","elementConfiguration":{"binding":"{{FormatDateTime(Form.Date, \"d. MMMM yyyy\")}}","visibility":"","type":"text","disableUpdates":false}},{"type":"shape","id":"518b9cad-560c-4f31-bda9-0093fcbb2ce3","elementConfiguration":{"binding":"{{Form.EventOccasion}}","visibility":"","type":"text","disableUpdates":false}},{"type":"shape","id":"d6efa967-4d85-44d2-8478-3554c4048200","elementConfiguration":{"binding":"{{UserProfile.Name}}","visibility":"","type":"text","disableUpdates":false}},{"type":"shape","id":"df92a76f-c500-489d-861c-ea0fe53ebe6a","elementConfiguration":{"inheritDimensions":"{{InheritDimensions.InheritNone}}","width":"4.61 cm","height":"1.55 cm","image":"{{UserProfile.UnitId.ExtraLogoRef.ImageRightAlignedNegRef.ImageFile}}","visibility":"","type":"image","disableUpdates":false}},{"type":"shape","id":"09f45f42-bdcb-452f-83a6-61d8754ae4a4","elementConfiguration":{"binding":"{{UserProfile.UnitId.Logo2}}","visibility":"","type":"text","disableUpdates":false}},{"type":"shape","id":"4ff87681-6f19-4239-8079-138b2c0c5a62","elementConfiguration":{"binding":"{{UserProfile.UnitId.Logo1PowerPoint}}","visibility":"","type":"text","disableUpdates":false}},{"type":"shape","id":"24c3416e-ce1e-4d39-ae0b-86e89acf4f48","elementConfiguration":{"binding":"{{UserProfile.UnitId.Logo1PowerPoint}}","visibility":"","type":"text","disableUpdates":false}},{"type":"shape","id":"8871c6be-bde5-4733-aa5e-7d01375897ed","elementConfiguration":{"binding":"{{FormatDateTime(Form.Date, \"d. MMMM yyyy\")}}","visibility":"","type":"text","disableUpdates":false}},{"type":"shape","id":"3c394d89-7ef0-4ed3-9f4c-92bff90f87e9","elementConfiguration":{"binding":"{{Form.EventOccasion}}","visibility":"","type":"text","disableUpdates":false}},{"type":"shape","id":"31d0a684-9928-4da8-9e6a-43a27aa39df4","elementConfiguration":{"binding":"{{Switch(UserProfile.DocumentLanguage.Language,\"da-DK\",UserProfile.Title,\"en-GB\",UserProfile.Title_EN,UserProfile.Title)}}","visibility":"","type":"text","disableUpdates":false}},{"type":"shape","id":"fa1dc32d-5a6d-45fb-a808-1518776e71b4","elementConfiguration":{"binding":"{{UserProfile.Name}}","visibility":"","type":"text","disableUpdates":false}},{"type":"shape","id":"5b59c160-e3fe-45c0-8504-f25a28ece667","elementConfiguration":{"inheritDimensions":"{{InheritDimensions.InheritNone}}","width":"4.61 cm","height":"1.55 cm","image":"{{UserProfile.UnitId.ExtraLogoRef.ImageRightAlignedNegRef.ImageFile}}","visibility":"","type":"image","disableUpdates":false}},{"type":"shape","id":"5e68dcda-81cc-44ce-b7fa-70a327d5f037","elementConfiguration":{"binding":"{{UserProfile.UnitId.Logo2}}","visibility":"","type":"text","disableUpdates":false}},{"type":"shape","id":"62af3fa1-756c-43ae-9b1b-2c39ece3a9aa","elementConfiguration":{"binding":"{{UserProfile.UnitId.Logo1PowerPoint}}","visibility":"","type":"text","disableUpdates":false}}],"transformationConfigurations":[{"language":"{{DocumentLanguage}}","disableUpdates":false,"type":"proofingLanguage"},{"colorTheme":"{{Form.ChooseColorTheme.ColorThemeRef.ColorTheme}}","disableUpdates":false,"originalColorThemeXml":"<a:clrScheme name=\"01 AU Blue\" xmlns:a=\"http://schemas.openxmlformats.org/drawingml/2006/main\"><a:dk1><a:srgbClr val=\"000000\" /></a:dk1><a:lt1><a:srgbClr val=\"FFFFFF\" /></a:lt1><a:dk2><a:srgbClr val=\"002546\" /></a:dk2><a:lt2><a:srgbClr val=\"002546\" /></a:lt2><a:accent1><a:srgbClr val=\"0A1449\" /></a:accent1><a:accent2><a:srgbClr val=\"183D83\" /></a:accent2><a:accent3><a:srgbClr val=\"87D1F4\" /></a:accent3><a:accent4><a:srgbClr val=\"33525F\" /></a:accent4><a:accent5><a:srgbClr val=\"548195\" /></a:accent5><a:accent6><a:srgbClr val=\"C6C6C6\" /></a:accent6><a:hlink><a:srgbClr val=\"03428E\" /></a:hlink><a:folHlink><a:srgbClr val=\"03428E\" /></a:folHlink></a:clrScheme>","type":"colorTheme"}],"templateName":"PowerPoint skabelon","templateDescription":"PowerPoint template 16:9 (convertible to 16:10 or 4:3)","enableDocumentContentUpdater":true,"version":"2.0"}]]></TemplafyTemplateConfiguration>
</file>

<file path=customXml/item10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1d5147c0-f6b0-4050-8d23-cbe68e9be740" xsi:nil="true"/>
    <lcf76f155ced4ddcb4097134ff3c332f xmlns="95ceb697-e662-462a-9ccb-ebd4a1f3b23f">
      <Terms xmlns="http://schemas.microsoft.com/office/infopath/2007/PartnerControls"/>
    </lcf76f155ced4ddcb4097134ff3c332f>
  </documentManagement>
</p:properties>
</file>

<file path=customXml/item2.xml><?xml version="1.0" encoding="utf-8"?>
<TemplafyFormConfiguration><![CDATA[{"formFields":[{"required":true,"helpTexts":{},"spacing":{},"shareValue":false,"type":"datePicker","name":"Date","label":"Date"},{"required":false,"placeholder":"","lines":1,"helpTexts":{},"spacing":{},"shareValue":false,"type":"textBox","name":"EventOccasion","label":"Event / Occasion"},{"distinct":false,"hideIfNoUserInteractionRequired":false,"required":false,"defaultValue":"Blå","autoSelectFirstOption":false,"helpTexts":{},"spacing":{},"shareValue":false,"type":"dropDown","dataSourceName":"ColorThemePowerPoint","dataSourceFieldName":"Name","name":"ChooseColorTheme","label":"Choose Color theme"}],"formDataEntries":[{"name":"Date","value":"KC3T1cGp1JhQDAQ+PvchoQ=="},{"name":"EventOccasion","value":"AGelujmf4LCVuJXv73KJQoPT8+6NF/SrjSbixnMABh0="},{"name":"ChooseColorTheme","value":"XmRlVpWiose5Rf1eG6aJznCjkbXXnh6o3o1+21OmFqQ="}]}]]></TemplafyFormConfiguration>
</file>

<file path=customXml/item3.xml><?xml version="1.0" encoding="utf-8"?>
<TemplafySlideTemplateConfiguration><![CDATA[{"slideVersion":4,"isValidatorEnabled":false,"isLocked":false,"elementsMetadata":[{"type":"shape","elementConfiguration":{"binding":"{{FormatDateTime(Form.Date, \"d. MMMM yyyy\")}}","visibility":"","type":"text","disableUpdates":false}},{"type":"shape","elementConfiguration":{"binding":"{{Form.EventOccasion}}","visibility":"","type":"text","disableUpdates":false}},{"type":"shape","elementConfiguration":{"binding":"{{Switch(UserProfile.DocumentLanguage.Language,\"da-DK\",UserProfile.Title,\"en-GB\",UserProfile.Title_EN,UserProfile.Title)}}","visibility":"","type":"text","disableUpdates":false}},{"type":"shape","elementConfiguration":{"binding":"{{UserProfile.Name}}","visibility":"","type":"text","disableUpdates":false}},{"type":"shape","elementConfiguration":{"inheritDimensions":"{{InheritDimensions.InheritNone}}","width":"4.61 cm","height":"1.55 cm","image":"{{UserProfile.UnitId.ExtraLogoRef.ImageRightAlignedNegRef.ImageFile}}","visibility":"","type":"image","disableUpdates":false}},{"type":"shape","elementConfiguration":{"binding":"{{UserProfile.UnitId.Logo2}}","visibility":"","type":"text","disableUpdates":false}},{"type":"shape","elementConfiguration":{"binding":"{{UserProfile.UnitId.Logo1PowerPoint}}","visibility":"","type":"text","disableUpdates":false}}],"slideId":"638344221284623770","enableDocumentContentUpdater":false,"version":"2.0"}]]></TemplafySlideTemplateConfiguration>
</file>

<file path=customXml/item4.xml><?xml version="1.0" encoding="utf-8"?>
<TemplafySlideFormConfiguration><![CDATA[{"formFields":[{"required":true,"helpTexts":{},"spacing":{},"shareValue":false,"type":"datePicker","name":"Date","label":"Date"},{"required":false,"placeholder":"","lines":1,"helpTexts":{},"spacing":{},"shareValue":false,"type":"textBox","name":"EventOccasion","label":"Event / Occasion"}],"formDataEntries":[]}]]></TemplafySlideFormConfiguration>
</file>

<file path=customXml/item5.xml><?xml version="1.0" encoding="utf-8"?>
<TemplafySlideTemplateConfiguration><![CDATA[{"slideVersion":4,"isValidatorEnabled":false,"isLocked":false,"elementsMetadata":[],"slideId":"638344221285055523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slideVersion":4,"isValidatorEnabled":false,"isLocked":false,"elementsMetadata":[{"type":"shape","elementConfiguration":{"binding":"{{UserProfile.UnitId.Logo1PowerPoint}}","visibility":"","type":"text","disableUpdates":false}}],"slideId":"638344221285170220","enableDocumentContentUpdater":false,"version":"2.0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ct:contentTypeSchema xmlns:ct="http://schemas.microsoft.com/office/2006/metadata/contentType" xmlns:ma="http://schemas.microsoft.com/office/2006/metadata/properties/metaAttributes" ct:_="" ma:_="" ma:contentTypeName="Asiakirja" ma:contentTypeID="0x010100FF51DE5E37AB1A4ABDFF2BBA43F19B6C" ma:contentTypeVersion="13" ma:contentTypeDescription="Luo uusi asiakirja." ma:contentTypeScope="" ma:versionID="cd0e066d86c8999acceb88de399b3f69">
  <xsd:schema xmlns:xsd="http://www.w3.org/2001/XMLSchema" xmlns:xs="http://www.w3.org/2001/XMLSchema" xmlns:p="http://schemas.microsoft.com/office/2006/metadata/properties" xmlns:ns2="95ceb697-e662-462a-9ccb-ebd4a1f3b23f" xmlns:ns3="1d5147c0-f6b0-4050-8d23-cbe68e9be740" targetNamespace="http://schemas.microsoft.com/office/2006/metadata/properties" ma:root="true" ma:fieldsID="a49f9db19904b168a9440c527791e064" ns2:_="" ns3:_="">
    <xsd:import namespace="95ceb697-e662-462a-9ccb-ebd4a1f3b23f"/>
    <xsd:import namespace="1d5147c0-f6b0-4050-8d23-cbe68e9be74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5ceb697-e662-462a-9ccb-ebd4a1f3b23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7" nillable="true" ma:taxonomy="true" ma:internalName="lcf76f155ced4ddcb4097134ff3c332f" ma:taxonomyFieldName="MediaServiceImageTags" ma:displayName="Kuvien tunnisteet" ma:readOnly="false" ma:fieldId="{5cf76f15-5ced-4ddc-b409-7134ff3c332f}" ma:taxonomyMulti="true" ma:sspId="3cd2f214-6c86-4220-b18d-40ecbd806e56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20" nillable="true" ma:displayName="Location" ma:indexed="true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d5147c0-f6b0-4050-8d23-cbe68e9be740" elementFormDefault="qualified">
    <xsd:import namespace="http://schemas.microsoft.com/office/2006/documentManagement/types"/>
    <xsd:import namespace="http://schemas.microsoft.com/office/infopath/2007/PartnerControls"/>
    <xsd:element name="TaxCatchAll" ma:index="18" nillable="true" ma:displayName="Taxonomy Catch All Column" ma:hidden="true" ma:list="{14c5d82a-3971-44ad-84cc-b78c9ad2f579}" ma:internalName="TaxCatchAll" ma:showField="CatchAllData" ma:web="1d5147c0-f6b0-4050-8d23-cbe68e9be74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Sisältölaji"/>
        <xsd:element ref="dc:title" minOccurs="0" maxOccurs="1" ma:index="4" ma:displayName="Otsikk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FC86994-F0FF-421B-841D-005E37E2CB9C}">
  <ds:schemaRefs/>
</ds:datastoreItem>
</file>

<file path=customXml/itemProps10.xml><?xml version="1.0" encoding="utf-8"?>
<ds:datastoreItem xmlns:ds="http://schemas.openxmlformats.org/officeDocument/2006/customXml" ds:itemID="{E6E48F56-CB20-4AC1-869C-D4CD8B031D58}"/>
</file>

<file path=customXml/itemProps11.xml><?xml version="1.0" encoding="utf-8"?>
<ds:datastoreItem xmlns:ds="http://schemas.openxmlformats.org/officeDocument/2006/customXml" ds:itemID="{8CEC9411-1D3D-4036-9CA0-3CF2BD059B76}"/>
</file>

<file path=customXml/itemProps2.xml><?xml version="1.0" encoding="utf-8"?>
<ds:datastoreItem xmlns:ds="http://schemas.openxmlformats.org/officeDocument/2006/customXml" ds:itemID="{7DA86E9B-4135-4144-9EBF-FD9F3AFEC348}">
  <ds:schemaRefs/>
</ds:datastoreItem>
</file>

<file path=customXml/itemProps3.xml><?xml version="1.0" encoding="utf-8"?>
<ds:datastoreItem xmlns:ds="http://schemas.openxmlformats.org/officeDocument/2006/customXml" ds:itemID="{B2CA2D4C-0385-4D99-AB8D-7792A88C817E}">
  <ds:schemaRefs/>
</ds:datastoreItem>
</file>

<file path=customXml/itemProps4.xml><?xml version="1.0" encoding="utf-8"?>
<ds:datastoreItem xmlns:ds="http://schemas.openxmlformats.org/officeDocument/2006/customXml" ds:itemID="{7E04581C-D7FD-4482-805D-038A22FDA87B}">
  <ds:schemaRefs/>
</ds:datastoreItem>
</file>

<file path=customXml/itemProps5.xml><?xml version="1.0" encoding="utf-8"?>
<ds:datastoreItem xmlns:ds="http://schemas.openxmlformats.org/officeDocument/2006/customXml" ds:itemID="{3711B4B0-0534-4D87-9554-EE0E3A45C434}">
  <ds:schemaRefs/>
</ds:datastoreItem>
</file>

<file path=customXml/itemProps6.xml><?xml version="1.0" encoding="utf-8"?>
<ds:datastoreItem xmlns:ds="http://schemas.openxmlformats.org/officeDocument/2006/customXml" ds:itemID="{F6BDCACD-D9F5-4F4E-8192-10C1008EFFE8}">
  <ds:schemaRefs/>
</ds:datastoreItem>
</file>

<file path=customXml/itemProps7.xml><?xml version="1.0" encoding="utf-8"?>
<ds:datastoreItem xmlns:ds="http://schemas.openxmlformats.org/officeDocument/2006/customXml" ds:itemID="{F6929CAD-9C4B-4C57-B5A5-181E7E3C58CB}">
  <ds:schemaRefs/>
</ds:datastoreItem>
</file>

<file path=customXml/itemProps8.xml><?xml version="1.0" encoding="utf-8"?>
<ds:datastoreItem xmlns:ds="http://schemas.openxmlformats.org/officeDocument/2006/customXml" ds:itemID="{E6076CFF-B2D0-45B5-8D6B-A70E14E9B3D8}">
  <ds:schemaRefs/>
</ds:datastoreItem>
</file>

<file path=customXml/itemProps9.xml><?xml version="1.0" encoding="utf-8"?>
<ds:datastoreItem xmlns:ds="http://schemas.openxmlformats.org/officeDocument/2006/customXml" ds:itemID="{EC1B8C87-85C1-41AB-A154-86C496C9CFA1}"/>
</file>

<file path=docProps/app.xml><?xml version="1.0" encoding="utf-8"?>
<Properties xmlns="http://schemas.openxmlformats.org/officeDocument/2006/extended-properties" xmlns:vt="http://schemas.openxmlformats.org/officeDocument/2006/docPropsVTypes">
  <TotalTime>1649</TotalTime>
  <Words>643</Words>
  <Application>Microsoft Office PowerPoint</Application>
  <PresentationFormat>Custom</PresentationFormat>
  <Paragraphs>182</Paragraphs>
  <Slides>30</Slides>
  <Notes>9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0</vt:i4>
      </vt:variant>
    </vt:vector>
  </HeadingPairs>
  <TitlesOfParts>
    <vt:vector size="37" baseType="lpstr">
      <vt:lpstr>AU Peto</vt:lpstr>
      <vt:lpstr>Georgia</vt:lpstr>
      <vt:lpstr>AU Passata Light</vt:lpstr>
      <vt:lpstr>Arial</vt:lpstr>
      <vt:lpstr>AU Passata</vt:lpstr>
      <vt:lpstr>Calibri</vt:lpstr>
      <vt:lpstr>AU 16:9</vt:lpstr>
      <vt:lpstr>From raw data to phenotype</vt:lpstr>
      <vt:lpstr>Methane Sniffer</vt:lpstr>
      <vt:lpstr>Methane Sniffer</vt:lpstr>
      <vt:lpstr>Large amounts of Messy data</vt:lpstr>
      <vt:lpstr>PowerPoint Presentation</vt:lpstr>
      <vt:lpstr>Large amounts of Messy data </vt:lpstr>
      <vt:lpstr>Need good technicians!</vt:lpstr>
      <vt:lpstr>Manual Data monitoring </vt:lpstr>
      <vt:lpstr>Equipment ”Errors”, examples</vt:lpstr>
      <vt:lpstr>Current data preparation</vt:lpstr>
      <vt:lpstr>Automatized pipeline</vt:lpstr>
      <vt:lpstr>Automatized pipeline</vt:lpstr>
      <vt:lpstr>Automatized pipeline</vt:lpstr>
      <vt:lpstr>Automatized pipeline</vt:lpstr>
      <vt:lpstr>Time synchronization &amp; Quality control</vt:lpstr>
      <vt:lpstr>Time synchronization and quality control</vt:lpstr>
      <vt:lpstr>Splitting records in cow and baseline</vt:lpstr>
      <vt:lpstr>animal and baseline gas concentrations</vt:lpstr>
      <vt:lpstr>Baseline Gas concentrations</vt:lpstr>
      <vt:lpstr>Individual animal records</vt:lpstr>
      <vt:lpstr>Records corrected for baseline</vt:lpstr>
      <vt:lpstr>Filter for ”head lifting” </vt:lpstr>
      <vt:lpstr>Visit phenotype preparation</vt:lpstr>
      <vt:lpstr>Pruning of early and late records</vt:lpstr>
      <vt:lpstr>Pruning of early and late records</vt:lpstr>
      <vt:lpstr>Pruning of early and late records</vt:lpstr>
      <vt:lpstr>Pruning of early and late records</vt:lpstr>
      <vt:lpstr>Upload to database for genetic evaluation</vt:lpstr>
      <vt:lpstr>Futur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>Trine Michelle Villumsen</dc:creator>
  <cp:lastModifiedBy>Trine Michelle Villumsen</cp:lastModifiedBy>
  <cp:revision>5</cp:revision>
  <dcterms:created xsi:type="dcterms:W3CDTF">2026-05-22T10:34:19Z</dcterms:created>
  <dcterms:modified xsi:type="dcterms:W3CDTF">2026-05-26T12:08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omnidocs.com</vt:lpwstr>
  </property>
  <property fmtid="{D5CDD505-2E9C-101B-9397-08002B2CF9AE}" pid="3" name="colorthemechange">
    <vt:lpwstr>true</vt:lpwstr>
  </property>
  <property fmtid="{D5CDD505-2E9C-101B-9397-08002B2CF9AE}" pid="4" name="TemplafyTimeStamp">
    <vt:lpwstr>2026-01-26T10:17:35</vt:lpwstr>
  </property>
  <property fmtid="{D5CDD505-2E9C-101B-9397-08002B2CF9AE}" pid="5" name="TemplafyTenantId">
    <vt:lpwstr>auoffice</vt:lpwstr>
  </property>
  <property fmtid="{D5CDD505-2E9C-101B-9397-08002B2CF9AE}" pid="6" name="TemplafyTemplateId">
    <vt:lpwstr>766163489789838292</vt:lpwstr>
  </property>
  <property fmtid="{D5CDD505-2E9C-101B-9397-08002B2CF9AE}" pid="7" name="TemplafyUserProfileId">
    <vt:lpwstr>1209288982669035708</vt:lpwstr>
  </property>
  <property fmtid="{D5CDD505-2E9C-101B-9397-08002B2CF9AE}" pid="8" name="TemplafyLanguageCode">
    <vt:lpwstr>da-DK</vt:lpwstr>
  </property>
  <property fmtid="{D5CDD505-2E9C-101B-9397-08002B2CF9AE}" pid="9" name="TemplafyFromBlank">
    <vt:bool>false</vt:bool>
  </property>
  <property fmtid="{D5CDD505-2E9C-101B-9397-08002B2CF9AE}" pid="10" name="ContentTypeId">
    <vt:lpwstr>0x010100FF51DE5E37AB1A4ABDFF2BBA43F19B6C</vt:lpwstr>
  </property>
</Properties>
</file>